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M:\04_LPｶﾞｽ・火薬・電気グループ\60_火薬類\07_事故・違反・捜査関係（常用）\01_事故\01_年別事故\2023年度\"/>
    </mc:Choice>
  </mc:AlternateContent>
  <bookViews>
    <workbookView xWindow="0" yWindow="0" windowWidth="16092" windowHeight="9072"/>
  </bookViews>
  <sheets>
    <sheet name="火DB" sheetId="1" r:id="rId1"/>
  </sheets>
  <externalReferences>
    <externalReference r:id="rId2"/>
    <externalReference r:id="rId3"/>
  </externalReferences>
  <definedNames>
    <definedName name="_xlnm._FilterDatabase" localSheetId="0" hidden="1">火DB!$A$2:$K$66</definedName>
    <definedName name="Ａ">#REF!</definedName>
    <definedName name="_xlnm.Print_Area" localSheetId="0">火DB!$A$1:$K$66</definedName>
    <definedName name="_xlnm.Print_Titles" localSheetId="0">火DB!$1:$2</definedName>
    <definedName name="ガスの種類" localSheetId="0">[1]入力リスト!$C$2:$C$32</definedName>
    <definedName name="ガスの種類">[2]入力リスト!$C$2:$C$32</definedName>
    <definedName name="原因分類" localSheetId="0">[1]入力リスト!$D$2:$D$23</definedName>
    <definedName name="原因分類">[2]入力リスト!$D$2:$D$23</definedName>
    <definedName name="施設経過年数" localSheetId="0">[1]入力リスト!$F$2:$F$9</definedName>
    <definedName name="施設経過年数">[2]入力リスト!$F$2:$F$9</definedName>
    <definedName name="事故区分" localSheetId="0">[1]入力リスト!$A$2:$A$11</definedName>
    <definedName name="事故区分">[2]入力リスト!$A$2:$A$11</definedName>
    <definedName name="事象" localSheetId="0">[1]入力リスト!$B$2:$B$6</definedName>
    <definedName name="事象">[2]入力リスト!$B$2:$B$6</definedName>
    <definedName name="分類" localSheetId="0">[1]入力リスト!$E$2:$E$6</definedName>
    <definedName name="分類">[2]入力リスト!$E$2:$E$6</definedName>
  </definedNames>
  <calcPr calcId="162913" concurrentCalc="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9" uniqueCount="309">
  <si>
    <t>神奈川県火薬類事故事例データベース</t>
    <rPh sb="0" eb="4">
      <t>カナガワケン</t>
    </rPh>
    <rPh sb="4" eb="6">
      <t>カヤク</t>
    </rPh>
    <rPh sb="6" eb="7">
      <t>ルイ</t>
    </rPh>
    <rPh sb="7" eb="9">
      <t>ジコ</t>
    </rPh>
    <rPh sb="9" eb="11">
      <t>ジレイ</t>
    </rPh>
    <phoneticPr fontId="2"/>
  </si>
  <si>
    <t>整理番号</t>
    <rPh sb="0" eb="2">
      <t>セイリ</t>
    </rPh>
    <phoneticPr fontId="2"/>
  </si>
  <si>
    <t>発生日</t>
  </si>
  <si>
    <t>発生時刻</t>
    <phoneticPr fontId="2"/>
  </si>
  <si>
    <t>発生場所</t>
    <phoneticPr fontId="2"/>
  </si>
  <si>
    <t>種別</t>
    <rPh sb="0" eb="2">
      <t>シュベツ</t>
    </rPh>
    <phoneticPr fontId="2"/>
  </si>
  <si>
    <t>火薬類種類</t>
    <rPh sb="0" eb="2">
      <t>カヤク</t>
    </rPh>
    <rPh sb="2" eb="3">
      <t>ルイ</t>
    </rPh>
    <rPh sb="3" eb="5">
      <t>シュルイ</t>
    </rPh>
    <phoneticPr fontId="2"/>
  </si>
  <si>
    <t>事故状況</t>
  </si>
  <si>
    <t>死亡</t>
    <rPh sb="0" eb="2">
      <t>シボウ</t>
    </rPh>
    <phoneticPr fontId="2"/>
  </si>
  <si>
    <t>重傷</t>
    <rPh sb="0" eb="2">
      <t>ジュウショウ</t>
    </rPh>
    <phoneticPr fontId="2"/>
  </si>
  <si>
    <t>軽傷</t>
    <rPh sb="0" eb="2">
      <t>ケイショウ</t>
    </rPh>
    <phoneticPr fontId="2"/>
  </si>
  <si>
    <t>事故原因</t>
  </si>
  <si>
    <t>2021-02</t>
    <phoneticPr fontId="2"/>
  </si>
  <si>
    <t>19時48分頃</t>
    <rPh sb="2" eb="3">
      <t>ジ</t>
    </rPh>
    <rPh sb="5" eb="6">
      <t>フン</t>
    </rPh>
    <rPh sb="6" eb="7">
      <t>コロ</t>
    </rPh>
    <phoneticPr fontId="2"/>
  </si>
  <si>
    <t>横浜市</t>
    <rPh sb="0" eb="2">
      <t>ヨコハマシ</t>
    </rPh>
    <phoneticPr fontId="2"/>
  </si>
  <si>
    <t>煙火消費</t>
    <rPh sb="0" eb="2">
      <t>エンカ</t>
    </rPh>
    <rPh sb="2" eb="4">
      <t>ショウヒ</t>
    </rPh>
    <phoneticPr fontId="2"/>
  </si>
  <si>
    <t>煙火（がん具煙火）</t>
    <rPh sb="0" eb="2">
      <t>エンカ</t>
    </rPh>
    <rPh sb="5" eb="6">
      <t>グ</t>
    </rPh>
    <rPh sb="6" eb="8">
      <t>エンカ</t>
    </rPh>
    <phoneticPr fontId="2"/>
  </si>
  <si>
    <t>車両の助手席窓から点火した緊急保安炎を投下していたところ、緑地帯の枯草に着火して約１㎡を焼損したもの</t>
    <rPh sb="0" eb="2">
      <t>シャリョウ</t>
    </rPh>
    <rPh sb="3" eb="6">
      <t>ジョシュセキ</t>
    </rPh>
    <rPh sb="6" eb="7">
      <t>マド</t>
    </rPh>
    <rPh sb="9" eb="11">
      <t>テンカ</t>
    </rPh>
    <rPh sb="13" eb="15">
      <t>キンキュウ</t>
    </rPh>
    <rPh sb="15" eb="17">
      <t>ホアン</t>
    </rPh>
    <rPh sb="17" eb="18">
      <t>エン</t>
    </rPh>
    <rPh sb="19" eb="21">
      <t>トウカ</t>
    </rPh>
    <rPh sb="29" eb="32">
      <t>リョクチタイ</t>
    </rPh>
    <rPh sb="33" eb="35">
      <t>カレクサ</t>
    </rPh>
    <rPh sb="36" eb="38">
      <t>チャッカ</t>
    </rPh>
    <rPh sb="40" eb="41">
      <t>ヤク</t>
    </rPh>
    <rPh sb="44" eb="46">
      <t>ショウソン</t>
    </rPh>
    <phoneticPr fontId="2"/>
  </si>
  <si>
    <t>投下した緊急保安炎筒が転がり、緑地帯の枯草に着火したもの</t>
    <phoneticPr fontId="2"/>
  </si>
  <si>
    <r>
      <rPr>
        <sz val="11"/>
        <rFont val="ＭＳ Ｐゴシック"/>
        <family val="3"/>
        <charset val="128"/>
      </rPr>
      <t>2021-01</t>
    </r>
    <phoneticPr fontId="2"/>
  </si>
  <si>
    <r>
      <t>2</t>
    </r>
    <r>
      <rPr>
        <sz val="11"/>
        <rFont val="ＭＳ Ｐゴシック"/>
        <family val="3"/>
        <charset val="128"/>
      </rPr>
      <t>0時48分頃</t>
    </r>
    <rPh sb="2" eb="3">
      <t>ジ</t>
    </rPh>
    <rPh sb="5" eb="6">
      <t>フン</t>
    </rPh>
    <rPh sb="6" eb="7">
      <t>コロ</t>
    </rPh>
    <phoneticPr fontId="2"/>
  </si>
  <si>
    <t>手持ち花火をしていた際、立木１本の根本付近に火花が着火し出火したもの</t>
    <rPh sb="0" eb="2">
      <t>テモ</t>
    </rPh>
    <rPh sb="3" eb="5">
      <t>ハナビ</t>
    </rPh>
    <rPh sb="10" eb="11">
      <t>サイ</t>
    </rPh>
    <phoneticPr fontId="2"/>
  </si>
  <si>
    <t>手持ち花火の火花が立木の樹皮に着火し出火したもの</t>
    <phoneticPr fontId="2"/>
  </si>
  <si>
    <t>2020-04</t>
    <phoneticPr fontId="2"/>
  </si>
  <si>
    <t>20時00分頃</t>
    <phoneticPr fontId="2"/>
  </si>
  <si>
    <t>川崎市</t>
    <rPh sb="0" eb="2">
      <t>カワサキシ</t>
    </rPh>
    <phoneticPr fontId="2"/>
  </si>
  <si>
    <t>煙火</t>
    <rPh sb="0" eb="2">
      <t>エンカ</t>
    </rPh>
    <phoneticPr fontId="2"/>
  </si>
  <si>
    <t>打揚煙火を消費中、約200メートルの高さで開 発したものの、複数の星が異常燃焼（製品不 良）により地面に落下した。そのうち一部が付 近の球場防護ネットに着火して出火し、警戒 中の消防団員が消火したもの。</t>
  </si>
  <si>
    <t>製造工場へ発注した時期は本年8月であったが、星を 製作した日の前後に雨が続き、着火剤の乾燥が不十 分であったため、星が燃焼しきれず地上に落ちたもの と推察される。また、保安距離内の可燃物に十分な防 災対策がなされておらず、火災となったもの。</t>
  </si>
  <si>
    <t>2020-03</t>
    <phoneticPr fontId="2"/>
  </si>
  <si>
    <t>9時5分頃</t>
    <rPh sb="1" eb="2">
      <t>ジ</t>
    </rPh>
    <rPh sb="3" eb="4">
      <t>フン</t>
    </rPh>
    <rPh sb="4" eb="5">
      <t>コロ</t>
    </rPh>
    <phoneticPr fontId="2"/>
  </si>
  <si>
    <t>発炎筒（がん具煙火）を路肩に投下した際、発炎筒の先端部が欠けて跳ねたことにより、分離帯の雑草に引火して延焼し たもの</t>
    <phoneticPr fontId="2"/>
  </si>
  <si>
    <t>発炎筒を投下した際、落下の衝撃により欠けた発炎筒の先端が雑草に着火したもの</t>
    <phoneticPr fontId="2"/>
  </si>
  <si>
    <t>2020-02</t>
    <phoneticPr fontId="2"/>
  </si>
  <si>
    <t>11時30分頃</t>
    <rPh sb="2" eb="3">
      <t>ジ</t>
    </rPh>
    <rPh sb="5" eb="6">
      <t>フン</t>
    </rPh>
    <rPh sb="6" eb="7">
      <t>コロ</t>
    </rPh>
    <phoneticPr fontId="2"/>
  </si>
  <si>
    <t>消費</t>
    <rPh sb="0" eb="2">
      <t>ショウヒ</t>
    </rPh>
    <phoneticPr fontId="2"/>
  </si>
  <si>
    <t>産業火薬</t>
    <rPh sb="0" eb="2">
      <t>サンギョウ</t>
    </rPh>
    <rPh sb="2" eb="4">
      <t>カヤク</t>
    </rPh>
    <phoneticPr fontId="2"/>
  </si>
  <si>
    <t>動作試験中に火工品（カートリッジ）に異常が発生し、一部が破損、飛散したもの</t>
    <rPh sb="6" eb="9">
      <t>カコウヒン</t>
    </rPh>
    <phoneticPr fontId="2"/>
  </si>
  <si>
    <t>カートリッジの不良又は経年劣化による強度性能の低下等の可能性が考えられる。</t>
    <phoneticPr fontId="2"/>
  </si>
  <si>
    <t>2020-01</t>
    <phoneticPr fontId="2"/>
  </si>
  <si>
    <t>20時45分頃</t>
    <rPh sb="2" eb="3">
      <t>ジ</t>
    </rPh>
    <rPh sb="5" eb="6">
      <t>フン</t>
    </rPh>
    <rPh sb="6" eb="7">
      <t>コロ</t>
    </rPh>
    <phoneticPr fontId="2"/>
  </si>
  <si>
    <t>公園内で子供達が手持ち花火（がん具煙火） を消費していた際に自身が持っていた燃焼中 の花火の火を利用して友人の花火に点火し ようと友人と向かい合ったところ、点火した友 人の花火の火が自身の着衣である半ズボン に接触して出火し、右大腿部を受傷（II度熱 傷）したもの。また自らの回避行動等により自 身の持っていた花火の火で下顎部を受傷（II 度熱傷）したもの。</t>
  </si>
  <si>
    <t>公園内で子供達が手持ち花火（がん具煙火）を消費し ていた際に自身が持っていた燃焼中の花火の火を利 用して友人の花火に点火しようと友人と向かい合った ところ、点火した友人の花火の火が自身の着衣である 半ズボンに接触して出火し、右大腿部を受傷（II度熱 傷）したもの。また自らの回避行動等により自身の持っ ていた花火の火で下顎部を受傷（II度熱傷）したもの。</t>
  </si>
  <si>
    <t>2019-06</t>
    <phoneticPr fontId="2"/>
  </si>
  <si>
    <t>20時00分頃</t>
    <rPh sb="2" eb="3">
      <t>ジ</t>
    </rPh>
    <rPh sb="5" eb="6">
      <t>フン</t>
    </rPh>
    <rPh sb="6" eb="7">
      <t>コロ</t>
    </rPh>
    <phoneticPr fontId="2"/>
  </si>
  <si>
    <t>横浜市</t>
    <rPh sb="0" eb="3">
      <t>ヨコハマシ</t>
    </rPh>
    <phoneticPr fontId="2"/>
  </si>
  <si>
    <t>親子で花火をしていた際に，手持ち花火の炎が風に煽られ子供の着衣に着火。バケツの水で消火したが、子供が腹部に熱傷を負ったもの</t>
    <phoneticPr fontId="2"/>
  </si>
  <si>
    <t>手持ち花火の炎が風にあおられ着火したもの</t>
    <phoneticPr fontId="2"/>
  </si>
  <si>
    <t>2019-05</t>
    <phoneticPr fontId="2"/>
  </si>
  <si>
    <t>相模原市</t>
    <rPh sb="0" eb="4">
      <t>サガミハラシ</t>
    </rPh>
    <phoneticPr fontId="2"/>
  </si>
  <si>
    <t>お祭りのフィナーレで仕掛煙火を消費中、花火を観覧していた女性の右目に、花火の残滓が入ったもの。現地救護所にて洗眼を実施したが、目の痛みがとれなかったため、当日中に医療機関を受診したもの。診断の結果、右眼球に傷が認められた。</t>
    <phoneticPr fontId="2"/>
  </si>
  <si>
    <t>当該小型煙火は強固な地盤に固定されており、消費状況を確認するも特段異常は見られなかった。また、事故発生箇所にあっても、保安距離外であり、風の影響もほとんど無かったと思われる。打揚事業者に原因の特定を求めたが、煙火自体に不具合もなく、原因は特定できなかった。</t>
    <phoneticPr fontId="2"/>
  </si>
  <si>
    <t>2019-04</t>
    <phoneticPr fontId="2"/>
  </si>
  <si>
    <t>19時30分頃</t>
    <phoneticPr fontId="2"/>
  </si>
  <si>
    <t>小田原市</t>
    <rPh sb="0" eb="4">
      <t>オダワラシ</t>
    </rPh>
    <phoneticPr fontId="2"/>
  </si>
  <si>
    <t>打揚煙火(7.5㎝、割り物)が黒玉になり、観覧席で観覧中の一般客に当たり膝にケガをした。</t>
    <phoneticPr fontId="2"/>
  </si>
  <si>
    <t>黒玉の発生原因：煙火玉の製造過程において、導火線に伝火薬が装てんされていなかったため。
保安距離外へ飛んだ原因：次のもの等が考えられる。
・煙火玉同士が上空で衝突した
・煙火玉に取り付けた方向制御用のひもが外れた
・打ち上げ角度が何らかの形で乱れた</t>
    <rPh sb="0" eb="1">
      <t>クロ</t>
    </rPh>
    <rPh sb="60" eb="61">
      <t>ナド</t>
    </rPh>
    <phoneticPr fontId="2"/>
  </si>
  <si>
    <t>2019-03</t>
    <phoneticPr fontId="2"/>
  </si>
  <si>
    <t>20:00～21:10頃の間</t>
    <rPh sb="11" eb="12">
      <t>コロ</t>
    </rPh>
    <rPh sb="13" eb="14">
      <t>アイダ</t>
    </rPh>
    <phoneticPr fontId="2"/>
  </si>
  <si>
    <t>川崎市</t>
  </si>
  <si>
    <t>多摩川河川敷で花火大会により煙火を直接点火（一部電気点火）で消費中、打揚煙火の低空開発１発（４号玉）、小型煙火３台で、低空開発２台（２５連中１０発、２５連中３発）及び筒ばね２台（２５連中２発、３６連中１発）が発生したもの</t>
  </si>
  <si>
    <t>（１）打揚煙火：推進薬の燃焼不足が原因と推定される。
（２）小型煙火：事故を起こしたものは、全て平成２９年（２０１７年）に消費する予定であった、２年前の煙火である。当時（平成２９年）夕方から天候が悪化し、大雨となり煙火を回収したもので、吸湿した事が原因と推定される。</t>
    <phoneticPr fontId="2"/>
  </si>
  <si>
    <t>2019-02</t>
    <phoneticPr fontId="2"/>
  </si>
  <si>
    <t>9時56分頃</t>
    <rPh sb="1" eb="2">
      <t>ジ</t>
    </rPh>
    <rPh sb="4" eb="5">
      <t>フン</t>
    </rPh>
    <rPh sb="5" eb="6">
      <t>コロ</t>
    </rPh>
    <phoneticPr fontId="2"/>
  </si>
  <si>
    <t>煙火消費</t>
  </si>
  <si>
    <t>煙火（がん具煙火）</t>
  </si>
  <si>
    <t>写真撮影の演出のため、多摩川河川敷内でがん具煙火（煙を出すことを主とするもの）にライターを用いて火をつけ、地面の枯草上に直接置いたところ、がん具煙火の火が枯草に着火し、出火したもの</t>
    <phoneticPr fontId="2"/>
  </si>
  <si>
    <t>写真撮影の演出のため、火をつけたがん具煙火（煙を出すことを主とするもの）を枯草上に直接置いたため。</t>
    <phoneticPr fontId="2"/>
  </si>
  <si>
    <t>2019-01</t>
    <phoneticPr fontId="2"/>
  </si>
  <si>
    <r>
      <rPr>
        <sz val="11"/>
        <rFont val="ＭＳ Ｐゴシック"/>
        <family val="3"/>
        <charset val="128"/>
      </rPr>
      <t>15</t>
    </r>
    <r>
      <rPr>
        <sz val="11"/>
        <rFont val="DejaVu Sans"/>
        <family val="2"/>
      </rPr>
      <t>時</t>
    </r>
    <r>
      <rPr>
        <sz val="11"/>
        <rFont val="ＭＳ Ｐゴシック"/>
        <family val="3"/>
        <charset val="128"/>
      </rPr>
      <t>00</t>
    </r>
    <r>
      <rPr>
        <sz val="11"/>
        <rFont val="DejaVu Sans"/>
        <family val="2"/>
      </rPr>
      <t>分頃</t>
    </r>
  </si>
  <si>
    <t>自宅清掃時、がん具煙火を捨てるためにベランダのプラスチックケース内で点火したところ、火の粉が飛び可燃物に燃え移ったが気づくことなくその場を離れたことから、プラスチックケース内に入っていたゴミ類が無炎燃焼を続け、時間の経過とともに着火し、出火したもの。</t>
    <rPh sb="0" eb="2">
      <t>ジタク</t>
    </rPh>
    <rPh sb="2" eb="4">
      <t>セイソウ</t>
    </rPh>
    <rPh sb="4" eb="5">
      <t>ジ</t>
    </rPh>
    <rPh sb="8" eb="9">
      <t>グ</t>
    </rPh>
    <rPh sb="9" eb="11">
      <t>エンカ</t>
    </rPh>
    <rPh sb="12" eb="13">
      <t>ス</t>
    </rPh>
    <rPh sb="32" eb="33">
      <t>ナイ</t>
    </rPh>
    <rPh sb="34" eb="36">
      <t>テンカ</t>
    </rPh>
    <rPh sb="42" eb="43">
      <t>ヒ</t>
    </rPh>
    <rPh sb="44" eb="45">
      <t>コ</t>
    </rPh>
    <rPh sb="46" eb="47">
      <t>ト</t>
    </rPh>
    <rPh sb="48" eb="51">
      <t>カネンブツ</t>
    </rPh>
    <rPh sb="52" eb="53">
      <t>モ</t>
    </rPh>
    <rPh sb="54" eb="55">
      <t>ウツ</t>
    </rPh>
    <rPh sb="58" eb="59">
      <t>キ</t>
    </rPh>
    <rPh sb="67" eb="68">
      <t>バ</t>
    </rPh>
    <rPh sb="69" eb="70">
      <t>ハナ</t>
    </rPh>
    <rPh sb="86" eb="87">
      <t>ナイ</t>
    </rPh>
    <rPh sb="88" eb="89">
      <t>ハイ</t>
    </rPh>
    <rPh sb="95" eb="96">
      <t>ルイ</t>
    </rPh>
    <phoneticPr fontId="2"/>
  </si>
  <si>
    <r>
      <t>自宅のベランダのプラスチックケース内でがん具煙火を消費し、残り火の有無を</t>
    </r>
    <r>
      <rPr>
        <sz val="11"/>
        <rFont val="ＭＳ Ｐゴシック"/>
        <family val="3"/>
        <charset val="128"/>
      </rPr>
      <t>確認する前にその場を離れたため。</t>
    </r>
    <rPh sb="0" eb="2">
      <t>ジタク</t>
    </rPh>
    <rPh sb="17" eb="18">
      <t>ナイ</t>
    </rPh>
    <rPh sb="21" eb="22">
      <t>グ</t>
    </rPh>
    <rPh sb="22" eb="24">
      <t>エンカ</t>
    </rPh>
    <rPh sb="25" eb="27">
      <t>ショウヒ</t>
    </rPh>
    <rPh sb="29" eb="30">
      <t>ノコ</t>
    </rPh>
    <rPh sb="31" eb="32">
      <t>ビ</t>
    </rPh>
    <rPh sb="33" eb="35">
      <t>ウム</t>
    </rPh>
    <rPh sb="36" eb="38">
      <t>カクニン</t>
    </rPh>
    <rPh sb="40" eb="41">
      <t>マエ</t>
    </rPh>
    <rPh sb="44" eb="45">
      <t>バ</t>
    </rPh>
    <rPh sb="46" eb="47">
      <t>ハナ</t>
    </rPh>
    <phoneticPr fontId="2"/>
  </si>
  <si>
    <t>H30-10</t>
    <phoneticPr fontId="2"/>
  </si>
  <si>
    <t>19時05分頃</t>
    <rPh sb="2" eb="3">
      <t>ジ</t>
    </rPh>
    <rPh sb="5" eb="6">
      <t>フン</t>
    </rPh>
    <rPh sb="6" eb="7">
      <t>コロ</t>
    </rPh>
    <phoneticPr fontId="2"/>
  </si>
  <si>
    <t>信号焔管</t>
    <rPh sb="0" eb="4">
      <t>シンゴウホムラクダ</t>
    </rPh>
    <phoneticPr fontId="2"/>
  </si>
  <si>
    <t>高速道路において、道路脇に幅約80㎝にわたってくすぶっていた炎を発見したもの</t>
    <phoneticPr fontId="2"/>
  </si>
  <si>
    <t xml:space="preserve">信号焔管の火が原因と推定
</t>
    <rPh sb="0" eb="2">
      <t>シンゴウ</t>
    </rPh>
    <rPh sb="2" eb="3">
      <t>ホノオ</t>
    </rPh>
    <rPh sb="3" eb="4">
      <t>カン</t>
    </rPh>
    <rPh sb="5" eb="6">
      <t>ヒ</t>
    </rPh>
    <rPh sb="7" eb="9">
      <t>ゲンイン</t>
    </rPh>
    <rPh sb="10" eb="12">
      <t>スイテイ</t>
    </rPh>
    <phoneticPr fontId="2"/>
  </si>
  <si>
    <t>H30-09</t>
    <phoneticPr fontId="2"/>
  </si>
  <si>
    <r>
      <rPr>
        <sz val="11"/>
        <rFont val="ＭＳ Ｐゴシック"/>
        <family val="3"/>
        <charset val="128"/>
      </rPr>
      <t>18</t>
    </r>
    <r>
      <rPr>
        <sz val="11"/>
        <rFont val="DejaVu Sans"/>
        <family val="2"/>
      </rPr>
      <t>時</t>
    </r>
    <r>
      <rPr>
        <sz val="11"/>
        <rFont val="ＭＳ Ｐゴシック"/>
        <family val="3"/>
        <charset val="128"/>
      </rPr>
      <t>20</t>
    </r>
    <r>
      <rPr>
        <sz val="11"/>
        <rFont val="DejaVu Sans"/>
        <family val="2"/>
      </rPr>
      <t>分頃</t>
    </r>
  </si>
  <si>
    <r>
      <rPr>
        <sz val="11"/>
        <rFont val="DejaVu Sans"/>
        <family val="2"/>
      </rPr>
      <t>花火大会で、</t>
    </r>
    <r>
      <rPr>
        <sz val="11"/>
        <rFont val="ＭＳ Ｐゴシック"/>
        <family val="3"/>
        <charset val="128"/>
      </rPr>
      <t>6320</t>
    </r>
    <r>
      <rPr>
        <sz val="11"/>
        <rFont val="DejaVu Sans"/>
        <family val="2"/>
      </rPr>
      <t>発の消費中、１発が低空開発したもの。</t>
    </r>
  </si>
  <si>
    <t>次のどちらかが原因と推測される。
（１）前日、重機により打揚場所の整地を行ったが、踏み固めが甘かったため、打揚げの際に筒の衝撃を吸収して打揚高度が低くなった。
（２）隣接する紙筒の発射の衝撃によって事故原因となった煙火の紙筒が浮き上がり、打ち上げ高度が低くなった。</t>
    <phoneticPr fontId="2"/>
  </si>
  <si>
    <t>H30-08</t>
    <phoneticPr fontId="2"/>
  </si>
  <si>
    <t>20:00～23:00</t>
    <phoneticPr fontId="2"/>
  </si>
  <si>
    <t>相模原市</t>
    <phoneticPr fontId="2"/>
  </si>
  <si>
    <t>火薬類の盗取</t>
    <rPh sb="0" eb="2">
      <t>カヤク</t>
    </rPh>
    <rPh sb="2" eb="3">
      <t>ルイ</t>
    </rPh>
    <rPh sb="4" eb="6">
      <t>トウシュ</t>
    </rPh>
    <phoneticPr fontId="2"/>
  </si>
  <si>
    <t>煙火の入ったジュラルミンケースを乗用車の助手席に置いたまま、飲食店に入り飲食をしていたところ、盗取にあったもの。盗取された翌日に、東京都町田市内にて被害のあった煙火すべてが発見された。</t>
    <rPh sb="0" eb="2">
      <t>エンカ</t>
    </rPh>
    <rPh sb="34" eb="35">
      <t>ハイ</t>
    </rPh>
    <phoneticPr fontId="2"/>
  </si>
  <si>
    <t>車両に煙火の入ったジュラルミンケースを置いたまま、車両から離れたため盗取された。</t>
    <rPh sb="0" eb="2">
      <t>シャリョウ</t>
    </rPh>
    <rPh sb="3" eb="5">
      <t>エンカ</t>
    </rPh>
    <rPh sb="6" eb="7">
      <t>ハイ</t>
    </rPh>
    <rPh sb="19" eb="20">
      <t>オ</t>
    </rPh>
    <rPh sb="25" eb="27">
      <t>シャリョウ</t>
    </rPh>
    <rPh sb="29" eb="30">
      <t>ハナ</t>
    </rPh>
    <rPh sb="34" eb="36">
      <t>トウシュ</t>
    </rPh>
    <phoneticPr fontId="2"/>
  </si>
  <si>
    <t>H30-07</t>
    <phoneticPr fontId="2"/>
  </si>
  <si>
    <t>①17:45
②20:10～20:20</t>
    <phoneticPr fontId="2"/>
  </si>
  <si>
    <t>相模原市</t>
    <phoneticPr fontId="2"/>
  </si>
  <si>
    <t>煙火（打揚花火）</t>
    <rPh sb="3" eb="4">
      <t>ウ</t>
    </rPh>
    <rPh sb="4" eb="5">
      <t>ア</t>
    </rPh>
    <phoneticPr fontId="2"/>
  </si>
  <si>
    <t>①お祭りの開催を知らせる信号雷(9㎝玉)を消費中、煙火玉が所定の高さに打ち揚がらず低空開発及び地上開発したもの。
②12㎝玉2個が黒玉となり、保安距離内にある畑内に落下したもの。当日の規制時間内に発見できなかった。黒玉２個は翌日に１個、９月12日に１個発見された。</t>
    <rPh sb="107" eb="108">
      <t>クロ</t>
    </rPh>
    <rPh sb="108" eb="109">
      <t>タマ</t>
    </rPh>
    <rPh sb="110" eb="111">
      <t>コ</t>
    </rPh>
    <rPh sb="112" eb="114">
      <t>ヨクジツ</t>
    </rPh>
    <rPh sb="116" eb="117">
      <t>コ</t>
    </rPh>
    <rPh sb="119" eb="120">
      <t>ガツ</t>
    </rPh>
    <rPh sb="122" eb="123">
      <t>ニチ</t>
    </rPh>
    <rPh sb="125" eb="126">
      <t>コ</t>
    </rPh>
    <rPh sb="126" eb="128">
      <t>ハッケン</t>
    </rPh>
    <phoneticPr fontId="2"/>
  </si>
  <si>
    <t>①発射薬を小分けにしていたケースを開封する際、発射薬がこぼれたため、装填された薬量が事業者規定量に満たなく、所定の高さに打ち揚がらなかった。
②煙火玉の親みちに切り込みを入れることを怠ったため、煙火玉に着火されず上空で不発となった。</t>
    <rPh sb="1" eb="3">
      <t>ハッシャ</t>
    </rPh>
    <rPh sb="3" eb="4">
      <t>ヤク</t>
    </rPh>
    <rPh sb="5" eb="7">
      <t>コワ</t>
    </rPh>
    <rPh sb="17" eb="19">
      <t>カイフウ</t>
    </rPh>
    <rPh sb="21" eb="22">
      <t>サイ</t>
    </rPh>
    <rPh sb="23" eb="25">
      <t>ハッシャ</t>
    </rPh>
    <rPh sb="25" eb="26">
      <t>ヤク</t>
    </rPh>
    <rPh sb="34" eb="36">
      <t>ソウテン</t>
    </rPh>
    <rPh sb="39" eb="41">
      <t>ヤクリョウ</t>
    </rPh>
    <rPh sb="42" eb="45">
      <t>ジギョウシャ</t>
    </rPh>
    <rPh sb="45" eb="47">
      <t>キテイ</t>
    </rPh>
    <rPh sb="47" eb="48">
      <t>リョウ</t>
    </rPh>
    <rPh sb="49" eb="50">
      <t>ミ</t>
    </rPh>
    <rPh sb="54" eb="56">
      <t>ショテイ</t>
    </rPh>
    <rPh sb="57" eb="58">
      <t>タカ</t>
    </rPh>
    <rPh sb="60" eb="61">
      <t>ウ</t>
    </rPh>
    <rPh sb="72" eb="74">
      <t>エンカ</t>
    </rPh>
    <rPh sb="74" eb="75">
      <t>タマ</t>
    </rPh>
    <rPh sb="76" eb="77">
      <t>オヤ</t>
    </rPh>
    <rPh sb="80" eb="81">
      <t>キ</t>
    </rPh>
    <rPh sb="82" eb="83">
      <t>コ</t>
    </rPh>
    <rPh sb="85" eb="86">
      <t>イ</t>
    </rPh>
    <rPh sb="91" eb="92">
      <t>オコタ</t>
    </rPh>
    <rPh sb="97" eb="99">
      <t>エンカ</t>
    </rPh>
    <rPh sb="99" eb="100">
      <t>タマ</t>
    </rPh>
    <rPh sb="101" eb="103">
      <t>チャッカ</t>
    </rPh>
    <rPh sb="106" eb="108">
      <t>ジョウクウ</t>
    </rPh>
    <rPh sb="109" eb="111">
      <t>フハツ</t>
    </rPh>
    <phoneticPr fontId="2"/>
  </si>
  <si>
    <t>H30-06</t>
    <phoneticPr fontId="2"/>
  </si>
  <si>
    <t>19時53分頃</t>
    <rPh sb="2" eb="3">
      <t>ジ</t>
    </rPh>
    <rPh sb="5" eb="6">
      <t>フン</t>
    </rPh>
    <rPh sb="6" eb="7">
      <t>コロ</t>
    </rPh>
    <phoneticPr fontId="2"/>
  </si>
  <si>
    <t>煙火（仕掛け花火）</t>
    <phoneticPr fontId="2"/>
  </si>
  <si>
    <t>まつりのフィナーレで仕掛け煙火を消費中、地盤に固定された小型煙火(25連)に電気点火後、その内の1本が何らかの原因で斜め方向に打ち出され、地上で開発したもの。なお、開発した場所は保安距離内であった。</t>
    <phoneticPr fontId="2"/>
  </si>
  <si>
    <t>設置場所の地盤、固定方法に問題は無く、上方に打ち出し予定であった25連のうち１本のみ斜め方向に打ち出されていることから、製品不良が原因と推測される。</t>
    <rPh sb="0" eb="2">
      <t>セッチ</t>
    </rPh>
    <rPh sb="2" eb="4">
      <t>バショ</t>
    </rPh>
    <rPh sb="5" eb="7">
      <t>ジバン</t>
    </rPh>
    <rPh sb="8" eb="10">
      <t>コテイ</t>
    </rPh>
    <rPh sb="10" eb="12">
      <t>ホウホウ</t>
    </rPh>
    <rPh sb="13" eb="15">
      <t>モンダイ</t>
    </rPh>
    <rPh sb="16" eb="17">
      <t>ナ</t>
    </rPh>
    <rPh sb="19" eb="21">
      <t>ジョウホウ</t>
    </rPh>
    <rPh sb="22" eb="23">
      <t>ウ</t>
    </rPh>
    <rPh sb="24" eb="25">
      <t>ダ</t>
    </rPh>
    <rPh sb="26" eb="28">
      <t>ヨテイ</t>
    </rPh>
    <rPh sb="34" eb="35">
      <t>レン</t>
    </rPh>
    <rPh sb="39" eb="40">
      <t>ホン</t>
    </rPh>
    <rPh sb="42" eb="43">
      <t>ナナ</t>
    </rPh>
    <rPh sb="44" eb="46">
      <t>ホウコウ</t>
    </rPh>
    <rPh sb="60" eb="62">
      <t>セイヒン</t>
    </rPh>
    <rPh sb="62" eb="64">
      <t>フリョウ</t>
    </rPh>
    <rPh sb="65" eb="67">
      <t>ゲンイン</t>
    </rPh>
    <rPh sb="68" eb="70">
      <t>スイソク</t>
    </rPh>
    <phoneticPr fontId="2"/>
  </si>
  <si>
    <t>H30-05</t>
    <phoneticPr fontId="2"/>
  </si>
  <si>
    <t>20時10分頃</t>
    <rPh sb="2" eb="3">
      <t>ジ</t>
    </rPh>
    <rPh sb="5" eb="6">
      <t>フン</t>
    </rPh>
    <rPh sb="6" eb="7">
      <t>コロ</t>
    </rPh>
    <phoneticPr fontId="2"/>
  </si>
  <si>
    <t>三浦市</t>
    <rPh sb="0" eb="3">
      <t>ミウラシ</t>
    </rPh>
    <phoneticPr fontId="2"/>
  </si>
  <si>
    <t>煙火（仕掛け花火）</t>
    <phoneticPr fontId="2"/>
  </si>
  <si>
    <t>花火大会にて煙火消費中、台船上に設置された小型煙火（16連発）に点火したところ、箱内の１発で筒ばねが発生し、影響を受けた箱内の煙火が地上で開発した。</t>
    <phoneticPr fontId="2"/>
  </si>
  <si>
    <t xml:space="preserve">同製品の他現場での消費では特に異常はみられず、今回の現場の状況から吸湿による影響も考えにくいことから、製造段階での製品不良（火薬の装填不良）と推定される。
</t>
    <rPh sb="9" eb="11">
      <t>ショウヒ</t>
    </rPh>
    <rPh sb="23" eb="25">
      <t>コンカイ</t>
    </rPh>
    <phoneticPr fontId="2"/>
  </si>
  <si>
    <t>H30-04</t>
    <phoneticPr fontId="2"/>
  </si>
  <si>
    <r>
      <rPr>
        <sz val="11"/>
        <rFont val="ＭＳ Ｐゴシック"/>
        <family val="3"/>
        <charset val="128"/>
      </rPr>
      <t>20</t>
    </r>
    <r>
      <rPr>
        <sz val="11"/>
        <rFont val="DejaVu Sans"/>
        <family val="2"/>
      </rPr>
      <t>時</t>
    </r>
    <r>
      <rPr>
        <sz val="11"/>
        <rFont val="ＭＳ Ｐゴシック"/>
        <family val="3"/>
        <charset val="128"/>
      </rPr>
      <t>15</t>
    </r>
    <r>
      <rPr>
        <sz val="11"/>
        <rFont val="DejaVu Sans"/>
        <family val="2"/>
      </rPr>
      <t>分頃</t>
    </r>
  </si>
  <si>
    <t>町内会の夏祭りにおいて、複数の打ち揚げ式のがん具煙火を消費中、当該がん具煙火のうち１本が転倒し、周囲に火花が飛び、約１０ｍ離れた場所に敷かれたレジャーシート１枚が部分的に燃えたもの。</t>
  </si>
  <si>
    <r>
      <rPr>
        <sz val="11"/>
        <rFont val="ＭＳ Ｐゴシック"/>
        <family val="3"/>
        <charset val="128"/>
      </rPr>
      <t>何らかの理由により、がん具煙火が転倒し、火花が飛び散ったため。</t>
    </r>
    <rPh sb="0" eb="1">
      <t>ナン</t>
    </rPh>
    <phoneticPr fontId="2"/>
  </si>
  <si>
    <t>H30-03</t>
    <phoneticPr fontId="2"/>
  </si>
  <si>
    <t>15時05分頃</t>
    <rPh sb="2" eb="3">
      <t>ジ</t>
    </rPh>
    <rPh sb="5" eb="6">
      <t>フン</t>
    </rPh>
    <rPh sb="6" eb="7">
      <t>コロ</t>
    </rPh>
    <phoneticPr fontId="2"/>
  </si>
  <si>
    <t xml:space="preserve">高速道路において信号焔管を使用していたところ、信号焔管が風で動き、雑草に燃え移り５㎡焼損したもの
</t>
    <rPh sb="0" eb="4">
      <t>コウソクドウロ</t>
    </rPh>
    <rPh sb="42" eb="44">
      <t>ショウソン</t>
    </rPh>
    <phoneticPr fontId="2"/>
  </si>
  <si>
    <t xml:space="preserve">信号焔管の燃え端が風で動き、中央分離帯の雑草に燃え移ったもの
</t>
    <rPh sb="23" eb="24">
      <t>モ</t>
    </rPh>
    <rPh sb="25" eb="26">
      <t>ウツ</t>
    </rPh>
    <phoneticPr fontId="2"/>
  </si>
  <si>
    <t>H30-02</t>
    <phoneticPr fontId="2"/>
  </si>
  <si>
    <t>伊勢原市</t>
    <rPh sb="0" eb="4">
      <t>イセハラシ</t>
    </rPh>
    <phoneticPr fontId="2"/>
  </si>
  <si>
    <t>煙火（打揚花火、仕掛け花火）</t>
  </si>
  <si>
    <t>花火大会にて花火を消費中、保安距離内に花火の残火が落下し、落葉（２㎡）及び立ち木１本が燃え、消防隊により消火活動が行われた（火災認定あり）。</t>
    <phoneticPr fontId="2"/>
  </si>
  <si>
    <t>煙火の残火が山林に落下したことによる。</t>
    <phoneticPr fontId="2"/>
  </si>
  <si>
    <t>H30-01</t>
    <phoneticPr fontId="2"/>
  </si>
  <si>
    <t>21時00分頃</t>
    <phoneticPr fontId="2"/>
  </si>
  <si>
    <t>横浜市</t>
    <rPh sb="0" eb="2">
      <t>ヨコハマ</t>
    </rPh>
    <rPh sb="2" eb="3">
      <t>シ</t>
    </rPh>
    <phoneticPr fontId="2"/>
  </si>
  <si>
    <t>高速道路の通行止め規制帯で使用中の信号焔管が何ならかの理由により移動したため、カラーコーン、矢印板及び土嚢袋に着火したもの</t>
    <rPh sb="11" eb="12">
      <t>オビ</t>
    </rPh>
    <rPh sb="13" eb="16">
      <t>シヨウチュウ</t>
    </rPh>
    <rPh sb="17" eb="19">
      <t>シンゴウ</t>
    </rPh>
    <rPh sb="19" eb="20">
      <t>ホムラ</t>
    </rPh>
    <rPh sb="20" eb="21">
      <t>クダ</t>
    </rPh>
    <rPh sb="22" eb="23">
      <t>ナン</t>
    </rPh>
    <rPh sb="27" eb="29">
      <t>リユウ</t>
    </rPh>
    <rPh sb="32" eb="34">
      <t>イドウ</t>
    </rPh>
    <rPh sb="46" eb="48">
      <t>ヤジルシ</t>
    </rPh>
    <rPh sb="48" eb="49">
      <t>イタ</t>
    </rPh>
    <rPh sb="49" eb="50">
      <t>オヨ</t>
    </rPh>
    <rPh sb="51" eb="54">
      <t>ドノウブクロ</t>
    </rPh>
    <rPh sb="55" eb="57">
      <t>チャッカ</t>
    </rPh>
    <phoneticPr fontId="2"/>
  </si>
  <si>
    <t>何らかの理由により通行規制帯で使用中の信号焔管が移動したために、信号焔管の炎がカラーコーン、矢印板及び土嚢袋に接触して出火したものと推定</t>
    <rPh sb="46" eb="48">
      <t>ヤジルシ</t>
    </rPh>
    <rPh sb="48" eb="49">
      <t>イタ</t>
    </rPh>
    <rPh sb="49" eb="50">
      <t>オヨ</t>
    </rPh>
    <rPh sb="51" eb="54">
      <t>ドノウフクロ</t>
    </rPh>
    <phoneticPr fontId="2"/>
  </si>
  <si>
    <t>H29-02</t>
    <phoneticPr fontId="2"/>
  </si>
  <si>
    <t>15時40分頃</t>
    <phoneticPr fontId="2"/>
  </si>
  <si>
    <t>伊勢原市</t>
    <rPh sb="0" eb="3">
      <t>イセハラ</t>
    </rPh>
    <rPh sb="3" eb="4">
      <t>シ</t>
    </rPh>
    <phoneticPr fontId="2"/>
  </si>
  <si>
    <t>煙火（動物駆逐用煙火）</t>
    <phoneticPr fontId="2"/>
  </si>
  <si>
    <t>ツキノワグマの追い払いのため動物駆逐用煙火を使用していたところ、３連発のうち１発目が、煙火の筒の中の出口付近で暴発した。煙火の先端１０ｃｍほどが吹き飛んだが、使用者及び同行者に怪我はなかった。煙火はホルダー（長さ約１メートルの竹筒）に設置して使用したが、ホルダーに破損はなかった。</t>
    <phoneticPr fontId="2"/>
  </si>
  <si>
    <t>製品不良</t>
    <phoneticPr fontId="2"/>
  </si>
  <si>
    <t>H29-01</t>
    <phoneticPr fontId="2"/>
  </si>
  <si>
    <t>22時37分頃</t>
  </si>
  <si>
    <t>信号焔管が道路上のラバーポールに接触したため、時間の経過とともに発煙筒の火がラバーポールに着火したもの
　</t>
    <rPh sb="0" eb="2">
      <t>シンゴウ</t>
    </rPh>
    <rPh sb="2" eb="3">
      <t>ホムラ</t>
    </rPh>
    <rPh sb="3" eb="4">
      <t>クダ</t>
    </rPh>
    <phoneticPr fontId="2"/>
  </si>
  <si>
    <t>信号焔管が道路上のラバーポールに接触したため、時間の経過とともに道路作業用信号焔管の火がラバーポールに着火したもの</t>
    <phoneticPr fontId="2"/>
  </si>
  <si>
    <t>H28-04</t>
    <phoneticPr fontId="2"/>
  </si>
  <si>
    <t>19時20分～50分頃</t>
    <phoneticPr fontId="2"/>
  </si>
  <si>
    <t>平塚市</t>
    <rPh sb="0" eb="3">
      <t>ヒラツカシ</t>
    </rPh>
    <phoneticPr fontId="2"/>
  </si>
  <si>
    <t>煙火消費中に目に花火の燃えカスが入り、救急車にて搬送され、軽症だった。（10歳男子児童）同じく消費中に花火の燃えカスが頭部に当たり、救急車にて搬送され、前額部挫創にて3針縫う処置を行った。（70歳女性）</t>
    <phoneticPr fontId="2"/>
  </si>
  <si>
    <t>花火打ち上げ直前の風向は南西の風、１０分間の平均風速は、煙火業者の計測により、毎秒３．８メートルであり、最大でも毎秒５．６メートルだった。風速は基準値内だったが、開催途中から風向きが南の風に変わり観覧席方向へ風が吹いていたため、花火の燃えかすや破片が落下したものと思われる。
　また、花火大会中盤から風速がやや上がってきている印象があった。プログラム進行中のため再度の計測は未実施だった。</t>
    <phoneticPr fontId="2"/>
  </si>
  <si>
    <t>H28-03</t>
    <phoneticPr fontId="2"/>
  </si>
  <si>
    <t>19時30分頃</t>
    <phoneticPr fontId="2"/>
  </si>
  <si>
    <t>川崎市</t>
    <rPh sb="0" eb="3">
      <t>カワサキシ</t>
    </rPh>
    <phoneticPr fontId="2"/>
  </si>
  <si>
    <t>煙火消費中19時30頃に、消費済みの紙製の箱形のスターマインに着火し、周囲の同型の煙火３台にも延焼した。煙火業者が10数分後に水消火器で消火したが、19時55分頃（終了５分前）にも再着火し、花火大会終了後に鎮火させた。</t>
    <rPh sb="18" eb="20">
      <t>カミセイ</t>
    </rPh>
    <phoneticPr fontId="2"/>
  </si>
  <si>
    <t>残滓又は星が箱形のスターマインを包んでいたビニールに着火し、それが箱形スターマインの外箱又は箱内部の紙製の発射筒に引火して火勢が強まったと推定される。一回目の消火で、鎮火確認が不十分だった。消費当日は雨天であったため、煙火を保護していたビニールシートを外さずに消費した。</t>
    <phoneticPr fontId="2"/>
  </si>
  <si>
    <t>H28-02</t>
    <phoneticPr fontId="2"/>
  </si>
  <si>
    <t>19時25分頃</t>
    <phoneticPr fontId="2"/>
  </si>
  <si>
    <t>催し物の開催時に煙火消費をしていたところ、消費終了から10分後に消費場所から120mの地点の空き地（安全な距離外）の雑草に着火していることを発見し、主催者及び煙火業者が消火器で３分後に鎮火させた。着火面積は数平方メートル程度。</t>
    <phoneticPr fontId="2"/>
  </si>
  <si>
    <t>消費直前に風向きが変わり、消費時に火が残っている残滓が雑草の上に落下して、着火したものと推定される。</t>
    <phoneticPr fontId="2"/>
  </si>
  <si>
    <t>H28-01</t>
  </si>
  <si>
    <t>19時50分頃</t>
  </si>
  <si>
    <t>横浜市</t>
  </si>
  <si>
    <t>花火大会おいて、消費し終えた箱形煙火に着火し、台船上で10分間にわたり燃焼した。花火大会は終了に近い時刻で、花火大会終了後に従事者が消火した。</t>
  </si>
  <si>
    <t>消費後の高温になっている紙製筒内に風で空気が送り込まれ紙製筒が発火したと考えられる。</t>
  </si>
  <si>
    <t>H27-04</t>
  </si>
  <si>
    <t>16時30分頃</t>
  </si>
  <si>
    <t>煙火（動物駆逐用煙火）</t>
    <rPh sb="0" eb="2">
      <t>エンカ</t>
    </rPh>
    <rPh sb="3" eb="5">
      <t>ドウブツ</t>
    </rPh>
    <rPh sb="5" eb="8">
      <t>クチクヨウ</t>
    </rPh>
    <rPh sb="8" eb="10">
      <t>エンカ</t>
    </rPh>
    <phoneticPr fontId="2"/>
  </si>
  <si>
    <t>ツキノワグマの追い払いのために動物駆逐用煙火を消費していたところ、３連発のうち１発目、２発目は発射されたが、３発目はホルダー（長さ1.1 mの竹筒）の中で炸裂した。
 竹筒が手元付近まで裂け、煙火本体は吹き飛んだ  が、使用者及び同行者には怪我はなかった。</t>
  </si>
  <si>
    <t>製品不良と推定される。</t>
  </si>
  <si>
    <t>H27-03</t>
    <phoneticPr fontId="2"/>
  </si>
  <si>
    <t>18時30～36分頃</t>
    <phoneticPr fontId="2"/>
  </si>
  <si>
    <t>煙火消費</t>
    <phoneticPr fontId="2"/>
  </si>
  <si>
    <t>煙火（打揚花火、仕掛け花火）</t>
    <rPh sb="0" eb="2">
      <t>エンカ</t>
    </rPh>
    <rPh sb="3" eb="4">
      <t>ダ</t>
    </rPh>
    <rPh sb="4" eb="5">
      <t>ヨウ</t>
    </rPh>
    <rPh sb="5" eb="7">
      <t>ハナビ</t>
    </rPh>
    <rPh sb="8" eb="10">
      <t>シカ</t>
    </rPh>
    <rPh sb="11" eb="13">
      <t>ハナビ</t>
    </rPh>
    <phoneticPr fontId="2"/>
  </si>
  <si>
    <t>学校祭のイベントとして煙火消費のため、打揚作業を実施していたところ、３号重量玉の打揚煙火が低空開発を起こした後に、続いて地上開発も発生し、打揚筒から５～６ｍの位置にいた従事者のヘルメットと眼鏡の間に煙火の星が当たり、左の瞼近くに熱傷を受けた。その後さらに２個の地上開発が発生し、打ち上げ後にも黒玉が１個発見された。</t>
    <rPh sb="0" eb="2">
      <t>ガッコウ</t>
    </rPh>
    <rPh sb="84" eb="87">
      <t>ジュウジシャ</t>
    </rPh>
    <phoneticPr fontId="2"/>
  </si>
  <si>
    <t>２回目以降の地上開発については、打揚筒に仕込む際に、筒の底まで達さずに煙火玉が途中で止まってしまい、筒の底との間に隙間が生じたため、煙火が打揚がらずに開発したと推定される。1回目の地上開発については原因不明。</t>
    <phoneticPr fontId="2"/>
  </si>
  <si>
    <r>
      <t>H</t>
    </r>
    <r>
      <rPr>
        <sz val="11"/>
        <rFont val="ＭＳ Ｐゴシック"/>
        <family val="3"/>
        <charset val="128"/>
      </rPr>
      <t>27-02</t>
    </r>
    <phoneticPr fontId="2"/>
  </si>
  <si>
    <t>15時頃</t>
    <phoneticPr fontId="2"/>
  </si>
  <si>
    <t>その他</t>
    <rPh sb="2" eb="3">
      <t>タ</t>
    </rPh>
    <phoneticPr fontId="2"/>
  </si>
  <si>
    <t>爆薬（ダイナマイト）</t>
    <rPh sb="0" eb="2">
      <t>バクヤク</t>
    </rPh>
    <phoneticPr fontId="2"/>
  </si>
  <si>
    <t>工場の解体作業中に、古いダンボールに入った袋にダイナマイトと記載があり、解体業者から警察に連絡が入った。地元の火薬類販売業者に確認させたところ、内容物はダイナマイトであることが確認された。</t>
    <phoneticPr fontId="2"/>
  </si>
  <si>
    <t>元の所有者が死去した際に、遺族、現土地所有者が火薬類の存在に気づかずに現場に残留していたと推定される。</t>
    <phoneticPr fontId="2"/>
  </si>
  <si>
    <r>
      <t>H</t>
    </r>
    <r>
      <rPr>
        <sz val="11"/>
        <rFont val="ＭＳ Ｐゴシック"/>
        <family val="3"/>
        <charset val="128"/>
      </rPr>
      <t>27-01</t>
    </r>
    <phoneticPr fontId="2"/>
  </si>
  <si>
    <t>20時10分頃</t>
    <rPh sb="2" eb="3">
      <t>ジ</t>
    </rPh>
    <rPh sb="5" eb="7">
      <t>フンゴロ</t>
    </rPh>
    <phoneticPr fontId="2"/>
  </si>
  <si>
    <t>煙火（打揚花火、仕掛け花火）</t>
    <rPh sb="0" eb="2">
      <t>エンカ</t>
    </rPh>
    <rPh sb="3" eb="4">
      <t>ウ</t>
    </rPh>
    <rPh sb="4" eb="5">
      <t>ヨウ</t>
    </rPh>
    <rPh sb="5" eb="7">
      <t>ハナビ</t>
    </rPh>
    <rPh sb="8" eb="10">
      <t>シカ</t>
    </rPh>
    <rPh sb="11" eb="13">
      <t>ハナビ</t>
    </rPh>
    <phoneticPr fontId="2"/>
  </si>
  <si>
    <t>花火大会終了後　現場（海上の台船）で安全を実施中、従事者（49才　男性）が竹ぼうきで床面を掃いていたところ、残火薬が引火して手に熱傷を受けた。</t>
    <phoneticPr fontId="2"/>
  </si>
  <si>
    <t>フラッシュポット（仕掛煙火、発射薬等なし、光）の残火薬が残っていた状態で、現場に残留していた火の粉で引火したと推定されている。</t>
    <phoneticPr fontId="2"/>
  </si>
  <si>
    <t>H26-04</t>
    <phoneticPr fontId="2"/>
  </si>
  <si>
    <t xml:space="preserve">10時00分頃
</t>
    <rPh sb="5" eb="6">
      <t>フン</t>
    </rPh>
    <phoneticPr fontId="2"/>
  </si>
  <si>
    <t>秦野市</t>
    <rPh sb="0" eb="3">
      <t>ハダノシ</t>
    </rPh>
    <phoneticPr fontId="2"/>
  </si>
  <si>
    <t>熊の追い払いのため、追い払い員が、中国製動物駆逐用煙火を消費したところ、３連発のうち、３発目がホルダー内で破裂し、約１メートル先に落下した。長さ2.3 m のホルダーを使用していたため、使用者に怪我はなかった。事故原因となった動物駆逐用煙火は、10月29日に破裂した煙火と同じ製品だった。</t>
    <phoneticPr fontId="2"/>
  </si>
  <si>
    <t>製品製造の過程で生じた問題と推定されるが、原因は調査中。</t>
    <phoneticPr fontId="2"/>
  </si>
  <si>
    <t>H26-03</t>
    <phoneticPr fontId="2"/>
  </si>
  <si>
    <t xml:space="preserve">14時55分頃
</t>
    <rPh sb="5" eb="6">
      <t>フン</t>
    </rPh>
    <phoneticPr fontId="2"/>
  </si>
  <si>
    <t>サル追い払いのため、追い払い員が、中国製動物駆逐用煙火を消費したところ、３連発のうち、１発目、２発目は発射されたが、３発目がホルダー内で破裂した後、約 10 m 飛翔し落下した。長さ 1 m の専用ホルダーを使用していたため、使用者に怪我はなかった。</t>
    <phoneticPr fontId="2"/>
  </si>
  <si>
    <t>製品製造の過程で生じた問題と推定されるが、原因は調査中。</t>
    <phoneticPr fontId="2"/>
  </si>
  <si>
    <t>H26-02</t>
    <phoneticPr fontId="2"/>
  </si>
  <si>
    <t xml:space="preserve">20時15分頃
</t>
    <rPh sb="5" eb="6">
      <t>フン</t>
    </rPh>
    <phoneticPr fontId="2"/>
  </si>
  <si>
    <t xml:space="preserve">多摩川二子橋下流750ｍの河畔にて開かれていた煙火消費（19:25～21:05実施）において、３号重量玉をロングヒューズ方式で直接点火していたところ、筒から射出された直後（地上高１ｍ）に過早発し、草に着火しておよそ0.25m2を焼損したもの。従事者は、煙火の至近距離にいたが、ポリカーボネート製の盾で防御していたため、怪我はなかった。
</t>
    <phoneticPr fontId="2"/>
  </si>
  <si>
    <t>何らかの理由により、煙火の親みちの燃焼が速く内部に伝わり、過早発を起こしたものと推測される。</t>
    <phoneticPr fontId="2"/>
  </si>
  <si>
    <r>
      <t>H</t>
    </r>
    <r>
      <rPr>
        <sz val="11"/>
        <rFont val="ＭＳ Ｐゴシック"/>
        <family val="3"/>
        <charset val="128"/>
      </rPr>
      <t>26-01</t>
    </r>
    <phoneticPr fontId="2"/>
  </si>
  <si>
    <t xml:space="preserve">20時頃及び22時30分頃
</t>
    <rPh sb="4" eb="5">
      <t>オヨ</t>
    </rPh>
    <phoneticPr fontId="2"/>
  </si>
  <si>
    <t>花火大会開始から約45分後（20時）に、打ち上げ位置から約50ｍ（保安距離内）の所で枯草火災が発生した。20時4分打ち上げ終了後、待機していた消防により消火活動がなされ、20時22分に鎮火が確認された。その後、22時36分に再度、消防が見回りをしたところ、打ち上げ位置から約40ｍの所で再び出火を確認した。消火活動後、鎮火した。</t>
    <phoneticPr fontId="2"/>
  </si>
  <si>
    <t>花火開始前、消防により散水を行ったが、散水域の設定が不十分であり、また、空気が異常に乾燥していた。このため、落下した煙火の火の粉が、枯草に燃え移り、出火したと推測される。</t>
    <phoneticPr fontId="2"/>
  </si>
  <si>
    <r>
      <t>H</t>
    </r>
    <r>
      <rPr>
        <sz val="11"/>
        <rFont val="ＭＳ Ｐゴシック"/>
        <family val="3"/>
        <charset val="128"/>
      </rPr>
      <t>25-01</t>
    </r>
    <phoneticPr fontId="2"/>
  </si>
  <si>
    <r>
      <t>1</t>
    </r>
    <r>
      <rPr>
        <sz val="11"/>
        <rFont val="ＭＳ Ｐゴシック"/>
        <family val="3"/>
        <charset val="128"/>
      </rPr>
      <t>9時10分及び20時4分頃</t>
    </r>
    <rPh sb="2" eb="3">
      <t>ジ</t>
    </rPh>
    <rPh sb="5" eb="6">
      <t>フン</t>
    </rPh>
    <rPh sb="6" eb="7">
      <t>オヨ</t>
    </rPh>
    <rPh sb="10" eb="11">
      <t>ジ</t>
    </rPh>
    <rPh sb="12" eb="13">
      <t>フン</t>
    </rPh>
    <rPh sb="13" eb="14">
      <t>ゴロ</t>
    </rPh>
    <phoneticPr fontId="2"/>
  </si>
  <si>
    <t>煙火（打揚花火）</t>
    <rPh sb="0" eb="2">
      <t>エンカ</t>
    </rPh>
    <rPh sb="3" eb="4">
      <t>ウ</t>
    </rPh>
    <rPh sb="4" eb="5">
      <t>ヨウ</t>
    </rPh>
    <rPh sb="5" eb="7">
      <t>ハナビ</t>
    </rPh>
    <phoneticPr fontId="2"/>
  </si>
  <si>
    <t xml:space="preserve">多摩川二子橋下流750ｍの河畔にて開かれていた花火大会（19:00～20:00）において、煙火の火の粉が着地後、草に着火し、２カ所（発生場所①②）を焼損した。①は神奈川県側で枯草等250㎡焼損。②は東京都側で20㎡焼損。②については、発生時刻が大会終了後であるが、煙火の火の粉が着地後燻ぶっていたと推測される。気象状況は、曇り、南南東の風2～3m、当該煙火の安全距離は140m、事故発生地点は消費場所から①110m、②200mであった。
</t>
    <rPh sb="66" eb="68">
      <t>ハッセイ</t>
    </rPh>
    <rPh sb="68" eb="70">
      <t>バショ</t>
    </rPh>
    <rPh sb="81" eb="85">
      <t>カナガワケン</t>
    </rPh>
    <rPh sb="85" eb="86">
      <t>ガワ</t>
    </rPh>
    <rPh sb="87" eb="89">
      <t>カレクサ</t>
    </rPh>
    <rPh sb="89" eb="90">
      <t>トウ</t>
    </rPh>
    <rPh sb="94" eb="96">
      <t>ショウソン</t>
    </rPh>
    <rPh sb="99" eb="102">
      <t>トウキョウト</t>
    </rPh>
    <rPh sb="102" eb="103">
      <t>ガワ</t>
    </rPh>
    <rPh sb="107" eb="109">
      <t>ショウソン</t>
    </rPh>
    <rPh sb="119" eb="121">
      <t>ジコク</t>
    </rPh>
    <rPh sb="122" eb="124">
      <t>タイカイ</t>
    </rPh>
    <rPh sb="155" eb="157">
      <t>キショウ</t>
    </rPh>
    <rPh sb="157" eb="159">
      <t>ジョウキョウ</t>
    </rPh>
    <rPh sb="161" eb="162">
      <t>クモ</t>
    </rPh>
    <rPh sb="164" eb="167">
      <t>ナンナントウ</t>
    </rPh>
    <rPh sb="168" eb="169">
      <t>カゼ</t>
    </rPh>
    <rPh sb="174" eb="176">
      <t>トウガイ</t>
    </rPh>
    <rPh sb="176" eb="178">
      <t>エンカ</t>
    </rPh>
    <rPh sb="179" eb="181">
      <t>アンゼン</t>
    </rPh>
    <rPh sb="181" eb="183">
      <t>キョリ</t>
    </rPh>
    <rPh sb="189" eb="191">
      <t>ジコ</t>
    </rPh>
    <rPh sb="191" eb="193">
      <t>ハッセイ</t>
    </rPh>
    <rPh sb="193" eb="195">
      <t>チテン</t>
    </rPh>
    <rPh sb="196" eb="198">
      <t>ショウヒ</t>
    </rPh>
    <rPh sb="198" eb="200">
      <t>バショ</t>
    </rPh>
    <phoneticPr fontId="2"/>
  </si>
  <si>
    <t>煙火の火の粉の着地</t>
    <rPh sb="0" eb="2">
      <t>エンカ</t>
    </rPh>
    <rPh sb="3" eb="4">
      <t>ヒ</t>
    </rPh>
    <rPh sb="5" eb="6">
      <t>コ</t>
    </rPh>
    <rPh sb="7" eb="9">
      <t>チャクチ</t>
    </rPh>
    <phoneticPr fontId="2"/>
  </si>
  <si>
    <t>H22-01</t>
    <phoneticPr fontId="9"/>
  </si>
  <si>
    <t>19時50分頃</t>
    <rPh sb="2" eb="3">
      <t>ジ</t>
    </rPh>
    <rPh sb="5" eb="6">
      <t>フン</t>
    </rPh>
    <rPh sb="6" eb="7">
      <t>コロ</t>
    </rPh>
    <phoneticPr fontId="10"/>
  </si>
  <si>
    <t>逗子市</t>
    <rPh sb="0" eb="3">
      <t>ズシシ</t>
    </rPh>
    <phoneticPr fontId="10"/>
  </si>
  <si>
    <t>煙火消費</t>
    <rPh sb="0" eb="1">
      <t>ケムリ</t>
    </rPh>
    <rPh sb="1" eb="2">
      <t>ヒ</t>
    </rPh>
    <rPh sb="2" eb="4">
      <t>ショウヒ</t>
    </rPh>
    <phoneticPr fontId="10"/>
  </si>
  <si>
    <t>煙火（打揚花火）</t>
    <rPh sb="0" eb="1">
      <t>ケムリ</t>
    </rPh>
    <rPh sb="1" eb="2">
      <t>ヒ</t>
    </rPh>
    <rPh sb="3" eb="4">
      <t>ウ</t>
    </rPh>
    <rPh sb="4" eb="5">
      <t>ア</t>
    </rPh>
    <rPh sb="5" eb="7">
      <t>ハナビ</t>
    </rPh>
    <phoneticPr fontId="9"/>
  </si>
  <si>
    <t>煙火消費前に、安全性を考慮して台船と海浜地の距離を規定の保安距離からさらに100ｍ～200ｍ離して消費を行ったが、上空の風が予想以上に強く、煙火の破片が西側海浜地の観客に降り注ぎ、6名が負傷した。</t>
    <rPh sb="91" eb="92">
      <t>ナ</t>
    </rPh>
    <phoneticPr fontId="9"/>
  </si>
  <si>
    <t>地上の風速は5～7mであったが、上空ではそれより強い風が吹いていたものと推測される。</t>
    <rPh sb="0" eb="2">
      <t>チジョウ</t>
    </rPh>
    <rPh sb="3" eb="5">
      <t>フウソク</t>
    </rPh>
    <rPh sb="16" eb="18">
      <t>ジョウクウ</t>
    </rPh>
    <rPh sb="24" eb="25">
      <t>ツヨ</t>
    </rPh>
    <rPh sb="26" eb="27">
      <t>カゼ</t>
    </rPh>
    <rPh sb="28" eb="29">
      <t>フ</t>
    </rPh>
    <rPh sb="36" eb="38">
      <t>スイソク</t>
    </rPh>
    <phoneticPr fontId="9"/>
  </si>
  <si>
    <t>H19-01</t>
    <phoneticPr fontId="9"/>
  </si>
  <si>
    <t>18時50分頃</t>
    <rPh sb="2" eb="3">
      <t>ジ</t>
    </rPh>
    <rPh sb="5" eb="6">
      <t>フン</t>
    </rPh>
    <rPh sb="6" eb="7">
      <t>コロ</t>
    </rPh>
    <phoneticPr fontId="10"/>
  </si>
  <si>
    <t>横須賀市</t>
    <rPh sb="0" eb="4">
      <t>ヨコスカシ</t>
    </rPh>
    <phoneticPr fontId="10"/>
  </si>
  <si>
    <t>煙火（手筒花火）</t>
    <rPh sb="0" eb="1">
      <t>ケムリ</t>
    </rPh>
    <rPh sb="1" eb="2">
      <t>ヒ</t>
    </rPh>
    <rPh sb="3" eb="4">
      <t>テ</t>
    </rPh>
    <rPh sb="4" eb="5">
      <t>ツツ</t>
    </rPh>
    <rPh sb="5" eb="7">
      <t>ハナビ</t>
    </rPh>
    <phoneticPr fontId="9"/>
  </si>
  <si>
    <t>手筒花火を横にして点火し、筒を持ち上げようとしたところ筒の先端から1/3位の所から破裂し、手筒花火の消費従事者1名が火傷（右顔面、右肩）、右目に異物混入の軽傷を負った。</t>
    <phoneticPr fontId="9"/>
  </si>
  <si>
    <t>筒に黒色火薬を詰める際のつきかたの強度不足、筒の内装の竹の亀裂のいずれかと推定される。</t>
    <rPh sb="0" eb="1">
      <t>ツツ</t>
    </rPh>
    <rPh sb="2" eb="4">
      <t>コクショク</t>
    </rPh>
    <rPh sb="4" eb="6">
      <t>カヤク</t>
    </rPh>
    <rPh sb="7" eb="8">
      <t>ツ</t>
    </rPh>
    <rPh sb="10" eb="11">
      <t>サイ</t>
    </rPh>
    <rPh sb="17" eb="19">
      <t>キョウド</t>
    </rPh>
    <rPh sb="19" eb="21">
      <t>フソク</t>
    </rPh>
    <rPh sb="22" eb="23">
      <t>ツツ</t>
    </rPh>
    <rPh sb="24" eb="26">
      <t>ナイソウ</t>
    </rPh>
    <rPh sb="27" eb="28">
      <t>タケ</t>
    </rPh>
    <rPh sb="29" eb="31">
      <t>キレツ</t>
    </rPh>
    <rPh sb="37" eb="39">
      <t>スイテイ</t>
    </rPh>
    <phoneticPr fontId="9"/>
  </si>
  <si>
    <t>H16-01</t>
    <phoneticPr fontId="9"/>
  </si>
  <si>
    <t>22時05分頃</t>
    <rPh sb="2" eb="3">
      <t>ジ</t>
    </rPh>
    <rPh sb="5" eb="6">
      <t>フン</t>
    </rPh>
    <rPh sb="6" eb="7">
      <t>コロ</t>
    </rPh>
    <phoneticPr fontId="10"/>
  </si>
  <si>
    <t>横浜市</t>
    <rPh sb="0" eb="3">
      <t>ヨコハマシ</t>
    </rPh>
    <phoneticPr fontId="10"/>
  </si>
  <si>
    <t>煙火（がん具花火）</t>
    <rPh sb="0" eb="1">
      <t>ケムリ</t>
    </rPh>
    <rPh sb="1" eb="2">
      <t>ヒ</t>
    </rPh>
    <rPh sb="5" eb="6">
      <t>グ</t>
    </rPh>
    <rPh sb="6" eb="8">
      <t>ハナビ</t>
    </rPh>
    <phoneticPr fontId="9"/>
  </si>
  <si>
    <t>興味本位からがん具煙火を分解し、中の火薬を取り出し、計約100ｇの火薬をガラス小瓶に入れ、さらに大きなガラス瓶に入れ、水の入ったバケツの中で小瓶の蓋の穴から導火線を差し込み着火したところ、ガラス瓶が破裂して大学生が顔と首、中学生が唇に怪我を負った。</t>
    <phoneticPr fontId="9"/>
  </si>
  <si>
    <t>ガラス小瓶の中という密閉状態の中に約100ｇの火薬が一斉に燃焼し、ガスが発生したことが原因と思われる</t>
    <rPh sb="3" eb="5">
      <t>コビン</t>
    </rPh>
    <rPh sb="6" eb="7">
      <t>ナカ</t>
    </rPh>
    <rPh sb="10" eb="12">
      <t>ミッペイ</t>
    </rPh>
    <rPh sb="12" eb="14">
      <t>ジョウタイ</t>
    </rPh>
    <rPh sb="15" eb="16">
      <t>ナカ</t>
    </rPh>
    <rPh sb="17" eb="18">
      <t>ヤク</t>
    </rPh>
    <rPh sb="23" eb="25">
      <t>カヤク</t>
    </rPh>
    <rPh sb="26" eb="28">
      <t>イッセイ</t>
    </rPh>
    <rPh sb="29" eb="31">
      <t>ネンショウ</t>
    </rPh>
    <rPh sb="36" eb="38">
      <t>ハッセイ</t>
    </rPh>
    <rPh sb="43" eb="45">
      <t>ゲンイン</t>
    </rPh>
    <rPh sb="46" eb="47">
      <t>オモ</t>
    </rPh>
    <phoneticPr fontId="9"/>
  </si>
  <si>
    <r>
      <t>H</t>
    </r>
    <r>
      <rPr>
        <sz val="11"/>
        <rFont val="ＭＳ Ｐゴシック"/>
        <family val="3"/>
        <charset val="128"/>
      </rPr>
      <t>10</t>
    </r>
    <r>
      <rPr>
        <sz val="11"/>
        <rFont val="ＭＳ Ｐゴシック"/>
        <family val="3"/>
        <charset val="128"/>
      </rPr>
      <t>-</t>
    </r>
    <r>
      <rPr>
        <sz val="11"/>
        <rFont val="ＭＳ Ｐゴシック"/>
        <family val="3"/>
        <charset val="128"/>
      </rPr>
      <t>01</t>
    </r>
    <phoneticPr fontId="9"/>
  </si>
  <si>
    <t>藤沢市</t>
    <rPh sb="0" eb="3">
      <t>フジサワシ</t>
    </rPh>
    <phoneticPr fontId="10"/>
  </si>
  <si>
    <t>煙火貯蔵</t>
    <rPh sb="0" eb="1">
      <t>ケムリ</t>
    </rPh>
    <rPh sb="1" eb="2">
      <t>ヒ</t>
    </rPh>
    <rPh sb="2" eb="4">
      <t>チョゾウ</t>
    </rPh>
    <phoneticPr fontId="10"/>
  </si>
  <si>
    <t>ディスカウントストアーの5階のがん具売場で、ロケット花火１袋(120本入り）から出火。20本燃えたが、男性店員が消し止めた。けが人はなかった。</t>
    <phoneticPr fontId="9"/>
  </si>
  <si>
    <r>
      <t>H</t>
    </r>
    <r>
      <rPr>
        <sz val="11"/>
        <rFont val="ＭＳ Ｐゴシック"/>
        <family val="3"/>
        <charset val="128"/>
      </rPr>
      <t>09</t>
    </r>
    <r>
      <rPr>
        <sz val="11"/>
        <rFont val="ＭＳ Ｐゴシック"/>
        <family val="3"/>
        <charset val="128"/>
      </rPr>
      <t>-</t>
    </r>
    <r>
      <rPr>
        <sz val="11"/>
        <rFont val="ＭＳ Ｐゴシック"/>
        <family val="3"/>
        <charset val="128"/>
      </rPr>
      <t>01</t>
    </r>
    <phoneticPr fontId="9"/>
  </si>
  <si>
    <t>鎌倉市</t>
    <rPh sb="0" eb="3">
      <t>カマクラシ</t>
    </rPh>
    <phoneticPr fontId="10"/>
  </si>
  <si>
    <t>花火遊びをしていた高校生4人のうちの一人が投げつけたロケット花火が近くのバス停留所にいた人の額に当たり火傷を負わせた。</t>
    <phoneticPr fontId="9"/>
  </si>
  <si>
    <r>
      <t>H</t>
    </r>
    <r>
      <rPr>
        <sz val="11"/>
        <rFont val="ＭＳ Ｐゴシック"/>
        <family val="3"/>
        <charset val="128"/>
      </rPr>
      <t>08</t>
    </r>
    <r>
      <rPr>
        <sz val="11"/>
        <rFont val="ＭＳ Ｐゴシック"/>
        <family val="3"/>
        <charset val="128"/>
      </rPr>
      <t>-</t>
    </r>
    <r>
      <rPr>
        <sz val="11"/>
        <rFont val="ＭＳ Ｐゴシック"/>
        <family val="3"/>
        <charset val="128"/>
      </rPr>
      <t>01</t>
    </r>
    <phoneticPr fontId="9"/>
  </si>
  <si>
    <t>火薬消費</t>
    <rPh sb="0" eb="2">
      <t>カヤク</t>
    </rPh>
    <rPh sb="2" eb="4">
      <t>ショウヒ</t>
    </rPh>
    <phoneticPr fontId="10"/>
  </si>
  <si>
    <r>
      <t>テレビの収録中、オートバイのリヤシートに黒色火薬（5</t>
    </r>
    <r>
      <rPr>
        <sz val="11"/>
        <rFont val="ＭＳ Ｐゴシック"/>
        <family val="3"/>
        <charset val="128"/>
      </rPr>
      <t>g</t>
    </r>
    <r>
      <rPr>
        <sz val="11"/>
        <rFont val="ＭＳ Ｐゴシック"/>
        <family val="3"/>
        <charset val="128"/>
      </rPr>
      <t>）を袋に入れたものとガソリン（250～300</t>
    </r>
    <r>
      <rPr>
        <sz val="11"/>
        <rFont val="ＭＳ Ｐゴシック"/>
        <family val="3"/>
        <charset val="128"/>
      </rPr>
      <t>cc</t>
    </r>
    <r>
      <rPr>
        <sz val="11"/>
        <rFont val="ＭＳ Ｐゴシック"/>
        <family val="3"/>
        <charset val="128"/>
      </rPr>
      <t>）をビニール袋に入れたものと点火玉を粘着テープで取り付け、オートバイのハンドルには点火スイッチを取り付けた。取り付け終了後、事前チェック中に何等かの原因で点火し、ガソリンが燃え上がり関係者</t>
    </r>
    <r>
      <rPr>
        <sz val="11"/>
        <rFont val="ＭＳ Ｐゴシック"/>
        <family val="3"/>
        <charset val="128"/>
      </rPr>
      <t>5</t>
    </r>
    <r>
      <rPr>
        <sz val="11"/>
        <rFont val="ＭＳ Ｐゴシック"/>
        <family val="3"/>
        <charset val="128"/>
      </rPr>
      <t>名が負傷した。</t>
    </r>
    <phoneticPr fontId="9"/>
  </si>
  <si>
    <r>
      <t>H</t>
    </r>
    <r>
      <rPr>
        <sz val="11"/>
        <rFont val="ＭＳ Ｐゴシック"/>
        <family val="3"/>
        <charset val="128"/>
      </rPr>
      <t>07</t>
    </r>
    <r>
      <rPr>
        <sz val="11"/>
        <rFont val="ＭＳ Ｐゴシック"/>
        <family val="3"/>
        <charset val="128"/>
      </rPr>
      <t>-</t>
    </r>
    <r>
      <rPr>
        <sz val="11"/>
        <rFont val="ＭＳ Ｐゴシック"/>
        <family val="3"/>
        <charset val="128"/>
      </rPr>
      <t>01</t>
    </r>
    <phoneticPr fontId="9"/>
  </si>
  <si>
    <t>箱根町</t>
    <rPh sb="0" eb="3">
      <t>ハコネマチ</t>
    </rPh>
    <phoneticPr fontId="10"/>
  </si>
  <si>
    <t>従業員寮の建設現場で、軽石をコンクリート破砕器で破砕したところ、飛石が発生し、約80ｍ離れて止めてあったワゴン車に当たりガラスを破損した。</t>
    <phoneticPr fontId="9"/>
  </si>
  <si>
    <r>
      <t>H</t>
    </r>
    <r>
      <rPr>
        <sz val="11"/>
        <rFont val="ＭＳ Ｐゴシック"/>
        <family val="3"/>
        <charset val="128"/>
      </rPr>
      <t>06</t>
    </r>
    <r>
      <rPr>
        <sz val="11"/>
        <rFont val="ＭＳ Ｐゴシック"/>
        <family val="3"/>
        <charset val="128"/>
      </rPr>
      <t>-</t>
    </r>
    <r>
      <rPr>
        <sz val="11"/>
        <rFont val="ＭＳ Ｐゴシック"/>
        <family val="3"/>
        <charset val="128"/>
      </rPr>
      <t>01</t>
    </r>
    <phoneticPr fontId="9"/>
  </si>
  <si>
    <t>海上花火大会を行っていたところ、船舶制限区域外にいた船舶に不発の星が飛び込み観客が負傷した。</t>
    <phoneticPr fontId="9"/>
  </si>
  <si>
    <r>
      <t>H</t>
    </r>
    <r>
      <rPr>
        <sz val="11"/>
        <rFont val="ＭＳ Ｐゴシック"/>
        <family val="3"/>
        <charset val="128"/>
      </rPr>
      <t>05</t>
    </r>
    <r>
      <rPr>
        <sz val="11"/>
        <rFont val="ＭＳ Ｐゴシック"/>
        <family val="3"/>
        <charset val="128"/>
      </rPr>
      <t>-</t>
    </r>
    <r>
      <rPr>
        <sz val="11"/>
        <rFont val="ＭＳ Ｐゴシック"/>
        <family val="3"/>
        <charset val="128"/>
      </rPr>
      <t>02</t>
    </r>
    <phoneticPr fontId="9"/>
  </si>
  <si>
    <t>厚木市</t>
    <rPh sb="0" eb="2">
      <t>アツギ</t>
    </rPh>
    <rPh sb="2" eb="3">
      <t>シ</t>
    </rPh>
    <phoneticPr fontId="10"/>
  </si>
  <si>
    <t>衝撃試験陽に使用する引き込みステアリング点火具が不要になったため廃棄処分を行っていたところ暴発し、作業者1名が軽傷を負った。</t>
    <phoneticPr fontId="9"/>
  </si>
  <si>
    <r>
      <t>H</t>
    </r>
    <r>
      <rPr>
        <sz val="11"/>
        <rFont val="ＭＳ Ｐゴシック"/>
        <family val="3"/>
        <charset val="128"/>
      </rPr>
      <t>05</t>
    </r>
    <r>
      <rPr>
        <sz val="11"/>
        <rFont val="ＭＳ Ｐゴシック"/>
        <family val="3"/>
        <charset val="128"/>
      </rPr>
      <t>-</t>
    </r>
    <r>
      <rPr>
        <sz val="11"/>
        <rFont val="ＭＳ Ｐゴシック"/>
        <family val="3"/>
        <charset val="128"/>
      </rPr>
      <t>01</t>
    </r>
    <phoneticPr fontId="9"/>
  </si>
  <si>
    <r>
      <t>21</t>
    </r>
    <r>
      <rPr>
        <sz val="11"/>
        <rFont val="ＭＳ Ｐゴシック"/>
        <family val="3"/>
        <charset val="128"/>
      </rPr>
      <t>cm</t>
    </r>
    <r>
      <rPr>
        <sz val="11"/>
        <rFont val="ＭＳ Ｐゴシック"/>
        <family val="3"/>
        <charset val="128"/>
      </rPr>
      <t>（</t>
    </r>
    <r>
      <rPr>
        <sz val="11"/>
        <rFont val="ＭＳ Ｐゴシック"/>
        <family val="3"/>
        <charset val="128"/>
      </rPr>
      <t>7</t>
    </r>
    <r>
      <rPr>
        <sz val="11"/>
        <rFont val="ＭＳ Ｐゴシック"/>
        <family val="3"/>
        <charset val="128"/>
      </rPr>
      <t>号）玉</t>
    </r>
    <r>
      <rPr>
        <sz val="11"/>
        <rFont val="ＭＳ Ｐゴシック"/>
        <family val="3"/>
        <charset val="128"/>
      </rPr>
      <t>10</t>
    </r>
    <r>
      <rPr>
        <sz val="11"/>
        <rFont val="ＭＳ Ｐゴシック"/>
        <family val="3"/>
        <charset val="128"/>
      </rPr>
      <t>発中の</t>
    </r>
    <r>
      <rPr>
        <sz val="11"/>
        <rFont val="ＭＳ Ｐゴシック"/>
        <family val="3"/>
        <charset val="128"/>
      </rPr>
      <t>1</t>
    </r>
    <r>
      <rPr>
        <sz val="11"/>
        <rFont val="ＭＳ Ｐゴシック"/>
        <family val="3"/>
        <charset val="128"/>
      </rPr>
      <t>発が黒玉になり一般招待客に落下し、観客</t>
    </r>
    <r>
      <rPr>
        <sz val="11"/>
        <rFont val="ＭＳ Ｐゴシック"/>
        <family val="3"/>
        <charset val="128"/>
      </rPr>
      <t>2</t>
    </r>
    <r>
      <rPr>
        <sz val="11"/>
        <rFont val="ＭＳ Ｐゴシック"/>
        <family val="3"/>
        <charset val="128"/>
      </rPr>
      <t>名が重軽傷を負った。</t>
    </r>
    <phoneticPr fontId="9"/>
  </si>
  <si>
    <r>
      <t>H</t>
    </r>
    <r>
      <rPr>
        <sz val="11"/>
        <rFont val="ＭＳ Ｐゴシック"/>
        <family val="3"/>
        <charset val="128"/>
      </rPr>
      <t>04</t>
    </r>
    <r>
      <rPr>
        <sz val="11"/>
        <rFont val="ＭＳ Ｐゴシック"/>
        <family val="3"/>
        <charset val="128"/>
      </rPr>
      <t>-</t>
    </r>
    <r>
      <rPr>
        <sz val="11"/>
        <rFont val="ＭＳ Ｐゴシック"/>
        <family val="3"/>
        <charset val="128"/>
      </rPr>
      <t>02</t>
    </r>
    <phoneticPr fontId="9"/>
  </si>
  <si>
    <t>小田原市</t>
    <rPh sb="0" eb="4">
      <t>オダワラシ</t>
    </rPh>
    <phoneticPr fontId="10"/>
  </si>
  <si>
    <r>
      <t>花火大会において手筒花火を消費中、2本の手筒花火が異常燃焼し、観客</t>
    </r>
    <r>
      <rPr>
        <sz val="11"/>
        <rFont val="ＭＳ Ｐゴシック"/>
        <family val="3"/>
        <charset val="128"/>
      </rPr>
      <t>1</t>
    </r>
    <r>
      <rPr>
        <sz val="11"/>
        <rFont val="ＭＳ Ｐゴシック"/>
        <family val="3"/>
        <charset val="128"/>
      </rPr>
      <t>名と従事者</t>
    </r>
    <r>
      <rPr>
        <sz val="11"/>
        <rFont val="ＭＳ Ｐゴシック"/>
        <family val="3"/>
        <charset val="128"/>
      </rPr>
      <t>1</t>
    </r>
    <r>
      <rPr>
        <sz val="11"/>
        <rFont val="ＭＳ Ｐゴシック"/>
        <family val="3"/>
        <charset val="128"/>
      </rPr>
      <t>名が火傷、観客</t>
    </r>
    <r>
      <rPr>
        <sz val="11"/>
        <rFont val="ＭＳ Ｐゴシック"/>
        <family val="3"/>
        <charset val="128"/>
      </rPr>
      <t>1</t>
    </r>
    <r>
      <rPr>
        <sz val="11"/>
        <rFont val="ＭＳ Ｐゴシック"/>
        <family val="3"/>
        <charset val="128"/>
      </rPr>
      <t>名が飛散した粘土で打撲等を負った。</t>
    </r>
    <rPh sb="61" eb="62">
      <t>オ</t>
    </rPh>
    <phoneticPr fontId="9"/>
  </si>
  <si>
    <r>
      <t>H</t>
    </r>
    <r>
      <rPr>
        <sz val="11"/>
        <rFont val="ＭＳ Ｐゴシック"/>
        <family val="3"/>
        <charset val="128"/>
      </rPr>
      <t>04</t>
    </r>
    <r>
      <rPr>
        <sz val="11"/>
        <rFont val="ＭＳ Ｐゴシック"/>
        <family val="3"/>
        <charset val="128"/>
      </rPr>
      <t>-</t>
    </r>
    <r>
      <rPr>
        <sz val="11"/>
        <rFont val="ＭＳ Ｐゴシック"/>
        <family val="3"/>
        <charset val="128"/>
      </rPr>
      <t>01</t>
    </r>
    <phoneticPr fontId="9"/>
  </si>
  <si>
    <t>大和市</t>
    <rPh sb="0" eb="2">
      <t>ヤマト</t>
    </rPh>
    <rPh sb="2" eb="3">
      <t>シ</t>
    </rPh>
    <phoneticPr fontId="10"/>
  </si>
  <si>
    <t>爆竹の火薬をプラスチックの容器に詰め、導火線をつけたものに点火したところ、突然爆破し手に重傷を負った。</t>
    <phoneticPr fontId="9"/>
  </si>
  <si>
    <r>
      <t>H</t>
    </r>
    <r>
      <rPr>
        <sz val="11"/>
        <rFont val="ＭＳ Ｐゴシック"/>
        <family val="3"/>
        <charset val="128"/>
      </rPr>
      <t>02</t>
    </r>
    <r>
      <rPr>
        <sz val="11"/>
        <rFont val="ＭＳ Ｐゴシック"/>
        <family val="3"/>
        <charset val="128"/>
      </rPr>
      <t>-</t>
    </r>
    <r>
      <rPr>
        <sz val="11"/>
        <rFont val="ＭＳ Ｐゴシック"/>
        <family val="3"/>
        <charset val="128"/>
      </rPr>
      <t>01</t>
    </r>
    <phoneticPr fontId="9"/>
  </si>
  <si>
    <r>
      <t>打揚従事者が水防訓練の合図用信号雷(9cm玉</t>
    </r>
    <r>
      <rPr>
        <sz val="11"/>
        <rFont val="ＭＳ Ｐゴシック"/>
        <family val="3"/>
        <charset val="128"/>
      </rPr>
      <t>10</t>
    </r>
    <r>
      <rPr>
        <sz val="11"/>
        <rFont val="ＭＳ Ｐゴシック"/>
        <family val="3"/>
        <charset val="128"/>
      </rPr>
      <t>発）を打揚中、</t>
    </r>
    <r>
      <rPr>
        <sz val="11"/>
        <rFont val="ＭＳ Ｐゴシック"/>
        <family val="3"/>
        <charset val="128"/>
      </rPr>
      <t>3</t>
    </r>
    <r>
      <rPr>
        <sz val="11"/>
        <rFont val="ＭＳ Ｐゴシック"/>
        <family val="3"/>
        <charset val="128"/>
      </rPr>
      <t>発目を打ち揚げるため発射薬を容器から取り出そうとしたところ、火の粉が発射薬に引火し、当該打揚従事者が火傷を負った。</t>
    </r>
    <phoneticPr fontId="9"/>
  </si>
  <si>
    <r>
      <t>H</t>
    </r>
    <r>
      <rPr>
        <sz val="11"/>
        <rFont val="ＭＳ Ｐゴシック"/>
        <family val="3"/>
        <charset val="128"/>
      </rPr>
      <t>01</t>
    </r>
    <r>
      <rPr>
        <sz val="11"/>
        <rFont val="ＭＳ Ｐゴシック"/>
        <family val="3"/>
        <charset val="128"/>
      </rPr>
      <t>-</t>
    </r>
    <r>
      <rPr>
        <sz val="11"/>
        <rFont val="ＭＳ Ｐゴシック"/>
        <family val="3"/>
        <charset val="128"/>
      </rPr>
      <t>02</t>
    </r>
    <phoneticPr fontId="9"/>
  </si>
  <si>
    <t>ベランダにて、吹き出し物の花火を両手に持って先端に火をつけたところ、数秒後握っていたところから火が吹き出し、3歳の子供が火傷を負った。</t>
    <phoneticPr fontId="9"/>
  </si>
  <si>
    <r>
      <t>H</t>
    </r>
    <r>
      <rPr>
        <sz val="11"/>
        <rFont val="ＭＳ Ｐゴシック"/>
        <family val="3"/>
        <charset val="128"/>
      </rPr>
      <t>01</t>
    </r>
    <r>
      <rPr>
        <sz val="11"/>
        <rFont val="ＭＳ Ｐゴシック"/>
        <family val="3"/>
        <charset val="128"/>
      </rPr>
      <t>-</t>
    </r>
    <r>
      <rPr>
        <sz val="11"/>
        <rFont val="ＭＳ Ｐゴシック"/>
        <family val="3"/>
        <charset val="128"/>
      </rPr>
      <t>01</t>
    </r>
    <phoneticPr fontId="9"/>
  </si>
  <si>
    <r>
      <t>花火大会において、山下公園海上の台船上の消費現場で5号玉の早打ち作業中に筒バネが発生し、他の煙火に火が移り爆発、打揚従事者</t>
    </r>
    <r>
      <rPr>
        <sz val="11"/>
        <rFont val="ＭＳ Ｐゴシック"/>
        <family val="3"/>
        <charset val="128"/>
      </rPr>
      <t>9</t>
    </r>
    <r>
      <rPr>
        <sz val="11"/>
        <rFont val="ＭＳ Ｐゴシック"/>
        <family val="3"/>
        <charset val="128"/>
      </rPr>
      <t>名が死傷し、停泊中の法務省入国管理事務所の小型船舶</t>
    </r>
    <r>
      <rPr>
        <sz val="11"/>
        <rFont val="ＭＳ Ｐゴシック"/>
        <family val="3"/>
        <charset val="128"/>
      </rPr>
      <t>2</t>
    </r>
    <r>
      <rPr>
        <sz val="11"/>
        <rFont val="ＭＳ Ｐゴシック"/>
        <family val="3"/>
        <charset val="128"/>
      </rPr>
      <t>隻の幌が焼損した。</t>
    </r>
    <phoneticPr fontId="9"/>
  </si>
  <si>
    <r>
      <t>S63</t>
    </r>
    <r>
      <rPr>
        <sz val="11"/>
        <rFont val="ＭＳ Ｐゴシック"/>
        <family val="3"/>
        <charset val="128"/>
      </rPr>
      <t>-</t>
    </r>
    <r>
      <rPr>
        <sz val="11"/>
        <rFont val="ＭＳ Ｐゴシック"/>
        <family val="3"/>
        <charset val="128"/>
      </rPr>
      <t>01</t>
    </r>
    <phoneticPr fontId="9"/>
  </si>
  <si>
    <t>山北町</t>
    <rPh sb="0" eb="2">
      <t>ヤマキタ</t>
    </rPh>
    <rPh sb="2" eb="3">
      <t>マチ</t>
    </rPh>
    <phoneticPr fontId="10"/>
  </si>
  <si>
    <t>東名高速道路都夫良野トンネル工事現場でダイナマイト装填作業中に爆発を起こした。</t>
    <phoneticPr fontId="9"/>
  </si>
  <si>
    <t>2022-01</t>
    <phoneticPr fontId="2"/>
  </si>
  <si>
    <r>
      <rPr>
        <sz val="11"/>
        <rFont val="ＭＳ Ｐゴシック"/>
        <family val="3"/>
        <charset val="128"/>
      </rPr>
      <t>2022-02</t>
    </r>
    <phoneticPr fontId="2"/>
  </si>
  <si>
    <r>
      <rPr>
        <sz val="11"/>
        <rFont val="ＭＳ Ｐゴシック"/>
        <family val="3"/>
        <charset val="128"/>
      </rPr>
      <t>2022-03</t>
    </r>
    <phoneticPr fontId="2"/>
  </si>
  <si>
    <t>１５時５１分頃</t>
    <rPh sb="2" eb="3">
      <t>ジ</t>
    </rPh>
    <rPh sb="5" eb="6">
      <t>プン</t>
    </rPh>
    <rPh sb="6" eb="7">
      <t>コロ</t>
    </rPh>
    <phoneticPr fontId="2"/>
  </si>
  <si>
    <t>川崎市</t>
    <phoneticPr fontId="2"/>
  </si>
  <si>
    <t>消費</t>
    <rPh sb="0" eb="2">
      <t>ショウヒ</t>
    </rPh>
    <phoneticPr fontId="2"/>
  </si>
  <si>
    <t>煙火（がん具煙火（緊急保安炎筒）</t>
    <rPh sb="0" eb="2">
      <t>エンカ</t>
    </rPh>
    <rPh sb="5" eb="6">
      <t>グ</t>
    </rPh>
    <rPh sb="6" eb="8">
      <t>エンカ</t>
    </rPh>
    <rPh sb="9" eb="11">
      <t>キンキュウ</t>
    </rPh>
    <rPh sb="11" eb="13">
      <t>ホアン</t>
    </rPh>
    <rPh sb="13" eb="14">
      <t>エン</t>
    </rPh>
    <rPh sb="14" eb="15">
      <t>ツツ</t>
    </rPh>
    <phoneticPr fontId="2"/>
  </si>
  <si>
    <t>何者かが駐車場内に置かれた無施錠の廃棄車両内において、据え付けの緊急保安炎筒（自動車用）を発火させフロアマット上に放置し放火したもの。</t>
    <rPh sb="0" eb="2">
      <t>ナニモノ</t>
    </rPh>
    <rPh sb="4" eb="7">
      <t>チュウシャジョウ</t>
    </rPh>
    <rPh sb="7" eb="8">
      <t>ナイ</t>
    </rPh>
    <rPh sb="9" eb="10">
      <t>オ</t>
    </rPh>
    <rPh sb="13" eb="14">
      <t>ム</t>
    </rPh>
    <rPh sb="14" eb="16">
      <t>セジョウ</t>
    </rPh>
    <rPh sb="17" eb="19">
      <t>ハイキ</t>
    </rPh>
    <rPh sb="19" eb="21">
      <t>シャリョウ</t>
    </rPh>
    <rPh sb="21" eb="22">
      <t>ナイ</t>
    </rPh>
    <rPh sb="27" eb="28">
      <t>ス</t>
    </rPh>
    <rPh sb="29" eb="30">
      <t>ツ</t>
    </rPh>
    <rPh sb="32" eb="36">
      <t>キンキュウホアン</t>
    </rPh>
    <rPh sb="36" eb="37">
      <t>エン</t>
    </rPh>
    <rPh sb="37" eb="38">
      <t>ツツ</t>
    </rPh>
    <rPh sb="39" eb="43">
      <t>ジドウシャヨウ</t>
    </rPh>
    <rPh sb="45" eb="47">
      <t>ハッカ</t>
    </rPh>
    <rPh sb="55" eb="56">
      <t>ジョウ</t>
    </rPh>
    <rPh sb="57" eb="59">
      <t>ホウチ</t>
    </rPh>
    <rPh sb="60" eb="62">
      <t>ホウカ</t>
    </rPh>
    <phoneticPr fontId="2"/>
  </si>
  <si>
    <t>何者かが駐車場内に置かれた廃棄車両内において、自動車用緊急保安炎筒を発火させフロアマット上に放置し放火したもの。</t>
    <rPh sb="0" eb="2">
      <t>ナニモノ</t>
    </rPh>
    <rPh sb="4" eb="8">
      <t>チュウシャジョウナイ</t>
    </rPh>
    <rPh sb="9" eb="10">
      <t>オ</t>
    </rPh>
    <rPh sb="13" eb="17">
      <t>ハイキシャリョウ</t>
    </rPh>
    <rPh sb="17" eb="18">
      <t>ナイ</t>
    </rPh>
    <rPh sb="23" eb="27">
      <t>ジドウシャヨウ</t>
    </rPh>
    <rPh sb="27" eb="31">
      <t>キンキュウホアン</t>
    </rPh>
    <rPh sb="31" eb="32">
      <t>エン</t>
    </rPh>
    <rPh sb="32" eb="33">
      <t>ツツ</t>
    </rPh>
    <rPh sb="34" eb="36">
      <t>ハッカ</t>
    </rPh>
    <rPh sb="44" eb="45">
      <t>ジョウ</t>
    </rPh>
    <rPh sb="46" eb="48">
      <t>ホウチ</t>
    </rPh>
    <rPh sb="49" eb="51">
      <t>ホウカ</t>
    </rPh>
    <phoneticPr fontId="2"/>
  </si>
  <si>
    <t>１９時２０分頃</t>
    <rPh sb="2" eb="3">
      <t>ジ</t>
    </rPh>
    <rPh sb="5" eb="6">
      <t>プン</t>
    </rPh>
    <rPh sb="6" eb="7">
      <t>コロ</t>
    </rPh>
    <phoneticPr fontId="2"/>
  </si>
  <si>
    <t>横浜市</t>
    <phoneticPr fontId="2"/>
  </si>
  <si>
    <t>煙火（がん具煙火）</t>
    <rPh sb="0" eb="2">
      <t>エンカ</t>
    </rPh>
    <rPh sb="5" eb="8">
      <t>グエンカ</t>
    </rPh>
    <phoneticPr fontId="2"/>
  </si>
  <si>
    <t>玩具煙火が枯草に落下し着火、出火に至ったものと推定</t>
    <rPh sb="0" eb="2">
      <t>ガング</t>
    </rPh>
    <rPh sb="2" eb="4">
      <t>エンカ</t>
    </rPh>
    <rPh sb="5" eb="7">
      <t>カレクサ</t>
    </rPh>
    <rPh sb="8" eb="10">
      <t>ラッカ</t>
    </rPh>
    <rPh sb="11" eb="13">
      <t>チャッカ</t>
    </rPh>
    <rPh sb="14" eb="16">
      <t>シュッカ</t>
    </rPh>
    <rPh sb="17" eb="18">
      <t>イタ</t>
    </rPh>
    <rPh sb="23" eb="25">
      <t>スイテイ</t>
    </rPh>
    <phoneticPr fontId="2"/>
  </si>
  <si>
    <t>通報者が鶴見川右岸堤防上を歩行中に土手から上がる炎を発見、携帯電話で119番通報を実施したもの。出火直前に何者かが花火（玩具用煙火）をしている姿が目撃されており、打ち上げた花火が枯草に落下し、出火に至ったものと思われる。現着した消防隊の放水により火災は鎮火した。</t>
    <rPh sb="0" eb="3">
      <t>ツウホウシャ</t>
    </rPh>
    <rPh sb="4" eb="7">
      <t>ツルミガワ</t>
    </rPh>
    <rPh sb="7" eb="12">
      <t>ウガンテイボウジョウ</t>
    </rPh>
    <rPh sb="13" eb="16">
      <t>ホコウチュウ</t>
    </rPh>
    <rPh sb="17" eb="19">
      <t>ドテ</t>
    </rPh>
    <rPh sb="21" eb="22">
      <t>ア</t>
    </rPh>
    <rPh sb="24" eb="25">
      <t>ホノオ</t>
    </rPh>
    <rPh sb="26" eb="28">
      <t>ハッケン</t>
    </rPh>
    <rPh sb="29" eb="33">
      <t>ケイタイデンワ</t>
    </rPh>
    <rPh sb="37" eb="40">
      <t>バンツウホウ</t>
    </rPh>
    <rPh sb="41" eb="43">
      <t>ジッシ</t>
    </rPh>
    <rPh sb="48" eb="50">
      <t>シュッカ</t>
    </rPh>
    <rPh sb="50" eb="52">
      <t>チョクゼン</t>
    </rPh>
    <rPh sb="53" eb="55">
      <t>ナニモノ</t>
    </rPh>
    <rPh sb="57" eb="59">
      <t>ハナビ</t>
    </rPh>
    <rPh sb="60" eb="63">
      <t>ガングヨウ</t>
    </rPh>
    <rPh sb="63" eb="65">
      <t>エンカ</t>
    </rPh>
    <rPh sb="71" eb="72">
      <t>スガタ</t>
    </rPh>
    <rPh sb="73" eb="75">
      <t>モクゲキ</t>
    </rPh>
    <rPh sb="81" eb="82">
      <t>ウ</t>
    </rPh>
    <rPh sb="83" eb="84">
      <t>ア</t>
    </rPh>
    <rPh sb="86" eb="88">
      <t>ハナビ</t>
    </rPh>
    <rPh sb="89" eb="91">
      <t>カレクサ</t>
    </rPh>
    <rPh sb="92" eb="94">
      <t>ラッカ</t>
    </rPh>
    <rPh sb="96" eb="98">
      <t>シュッカ</t>
    </rPh>
    <rPh sb="99" eb="100">
      <t>イタ</t>
    </rPh>
    <rPh sb="105" eb="106">
      <t>オモ</t>
    </rPh>
    <rPh sb="110" eb="112">
      <t>ゲンチャク</t>
    </rPh>
    <rPh sb="114" eb="117">
      <t>ショウボウタイ</t>
    </rPh>
    <rPh sb="118" eb="120">
      <t>ホウスイ</t>
    </rPh>
    <rPh sb="123" eb="125">
      <t>カサイ</t>
    </rPh>
    <rPh sb="126" eb="128">
      <t>チンカ</t>
    </rPh>
    <phoneticPr fontId="2"/>
  </si>
  <si>
    <t>5時25分頃</t>
    <rPh sb="1" eb="2">
      <t>ジ</t>
    </rPh>
    <rPh sb="4" eb="5">
      <t>フン</t>
    </rPh>
    <rPh sb="5" eb="6">
      <t>コロ</t>
    </rPh>
    <phoneticPr fontId="2"/>
  </si>
  <si>
    <t>相模原市</t>
    <rPh sb="0" eb="3">
      <t>サガミハラシ</t>
    </rPh>
    <phoneticPr fontId="2"/>
  </si>
  <si>
    <t>トンネル掘削工事のため坑口から601ｍ地点の岩盤を発破したところ、飛石（12ｃｍ）が発生し、点火後に退避小屋（発破場所から137ｍの位置）から出た作業員に当たり負傷したもの。</t>
    <rPh sb="4" eb="6">
      <t>クッサク</t>
    </rPh>
    <rPh sb="6" eb="8">
      <t>コウジ</t>
    </rPh>
    <rPh sb="11" eb="13">
      <t>コウコウ</t>
    </rPh>
    <rPh sb="19" eb="21">
      <t>チテン</t>
    </rPh>
    <rPh sb="22" eb="24">
      <t>ガンバン</t>
    </rPh>
    <rPh sb="25" eb="27">
      <t>ハッパ</t>
    </rPh>
    <rPh sb="33" eb="35">
      <t>トビイシ</t>
    </rPh>
    <rPh sb="42" eb="44">
      <t>ハッセイ</t>
    </rPh>
    <rPh sb="46" eb="48">
      <t>テンカ</t>
    </rPh>
    <rPh sb="48" eb="49">
      <t>ゴ</t>
    </rPh>
    <rPh sb="50" eb="52">
      <t>タイヒ</t>
    </rPh>
    <rPh sb="52" eb="54">
      <t>コヤ</t>
    </rPh>
    <rPh sb="55" eb="57">
      <t>ハッパ</t>
    </rPh>
    <rPh sb="57" eb="59">
      <t>バショ</t>
    </rPh>
    <rPh sb="66" eb="68">
      <t>イチ</t>
    </rPh>
    <rPh sb="71" eb="72">
      <t>デ</t>
    </rPh>
    <rPh sb="73" eb="76">
      <t>サギョウイン</t>
    </rPh>
    <rPh sb="77" eb="78">
      <t>ア</t>
    </rPh>
    <rPh sb="80" eb="82">
      <t>フショウ</t>
    </rPh>
    <phoneticPr fontId="2"/>
  </si>
  <si>
    <t>爆薬、導火管付雷管、電気雷管、導爆線</t>
    <rPh sb="0" eb="2">
      <t>バクヤク</t>
    </rPh>
    <rPh sb="3" eb="5">
      <t>ドウカ</t>
    </rPh>
    <rPh sb="5" eb="6">
      <t>カン</t>
    </rPh>
    <rPh sb="6" eb="7">
      <t>ツキ</t>
    </rPh>
    <rPh sb="7" eb="9">
      <t>ライカン</t>
    </rPh>
    <rPh sb="10" eb="14">
      <t>デンキライカン</t>
    </rPh>
    <rPh sb="15" eb="16">
      <t>ドウ</t>
    </rPh>
    <rPh sb="16" eb="17">
      <t>バク</t>
    </rPh>
    <rPh sb="17" eb="18">
      <t>セン</t>
    </rPh>
    <phoneticPr fontId="2"/>
  </si>
  <si>
    <t>発破後、周囲の安全を確実に確認する前に退避小屋から出たため、負傷したもの。なお、当該作業員は火薬類消費従事者の登録はされておらず、発破作業現場での安全作業及び行動の徹底が十分されていなかったことを事故当事者（事業者）から聴取した。</t>
    <rPh sb="0" eb="2">
      <t>ハッパ</t>
    </rPh>
    <rPh sb="2" eb="3">
      <t>ゴ</t>
    </rPh>
    <rPh sb="4" eb="6">
      <t>シュウイ</t>
    </rPh>
    <rPh sb="7" eb="9">
      <t>アンゼン</t>
    </rPh>
    <rPh sb="10" eb="12">
      <t>カクジツ</t>
    </rPh>
    <rPh sb="13" eb="15">
      <t>カクニン</t>
    </rPh>
    <rPh sb="17" eb="18">
      <t>マエ</t>
    </rPh>
    <rPh sb="19" eb="23">
      <t>タイヒコヤ</t>
    </rPh>
    <rPh sb="25" eb="26">
      <t>デ</t>
    </rPh>
    <rPh sb="30" eb="32">
      <t>フショウ</t>
    </rPh>
    <rPh sb="40" eb="42">
      <t>トウガイ</t>
    </rPh>
    <rPh sb="42" eb="45">
      <t>サギョウイン</t>
    </rPh>
    <rPh sb="46" eb="54">
      <t>カヤクルイショウヒジュウジシャ</t>
    </rPh>
    <rPh sb="55" eb="57">
      <t>トウロク</t>
    </rPh>
    <rPh sb="65" eb="71">
      <t>ハッパサギョウゲンバ</t>
    </rPh>
    <rPh sb="73" eb="75">
      <t>アンゼン</t>
    </rPh>
    <rPh sb="75" eb="77">
      <t>サギョウ</t>
    </rPh>
    <rPh sb="77" eb="78">
      <t>オヨ</t>
    </rPh>
    <rPh sb="79" eb="81">
      <t>コウドウ</t>
    </rPh>
    <rPh sb="82" eb="84">
      <t>テッテイ</t>
    </rPh>
    <rPh sb="85" eb="87">
      <t>ジュウブン</t>
    </rPh>
    <rPh sb="98" eb="100">
      <t>ジコ</t>
    </rPh>
    <rPh sb="100" eb="103">
      <t>トウジシャ</t>
    </rPh>
    <rPh sb="104" eb="107">
      <t>ジギョウシャ</t>
    </rPh>
    <rPh sb="110" eb="112">
      <t>チョウシュ</t>
    </rPh>
    <phoneticPr fontId="2"/>
  </si>
  <si>
    <t>2022-04</t>
    <phoneticPr fontId="2"/>
  </si>
  <si>
    <t>16時20分頃</t>
    <rPh sb="2" eb="3">
      <t>ジ</t>
    </rPh>
    <rPh sb="5" eb="6">
      <t>プン</t>
    </rPh>
    <rPh sb="6" eb="7">
      <t>コロ</t>
    </rPh>
    <phoneticPr fontId="2"/>
  </si>
  <si>
    <t>厚木市</t>
    <rPh sb="0" eb="2">
      <t>アツギシ</t>
    </rPh>
    <phoneticPr fontId="2"/>
  </si>
  <si>
    <t>消費</t>
    <rPh sb="0" eb="2">
      <t>ショウヒ</t>
    </rPh>
    <phoneticPr fontId="2"/>
  </si>
  <si>
    <t>小型煙火</t>
    <rPh sb="0" eb="2">
      <t>コガタ</t>
    </rPh>
    <rPh sb="2" eb="4">
      <t>エンカ</t>
    </rPh>
    <phoneticPr fontId="2"/>
  </si>
  <si>
    <t>導通確認のため、点火器の電源を入れたところ数秒したのち小型煙火（噴水8本）が消費された。</t>
    <rPh sb="0" eb="2">
      <t>ドウツウ</t>
    </rPh>
    <rPh sb="2" eb="4">
      <t>カクニン</t>
    </rPh>
    <rPh sb="8" eb="10">
      <t>テンカ</t>
    </rPh>
    <rPh sb="10" eb="11">
      <t>キ</t>
    </rPh>
    <rPh sb="12" eb="14">
      <t>デンゲン</t>
    </rPh>
    <rPh sb="15" eb="16">
      <t>イ</t>
    </rPh>
    <rPh sb="21" eb="23">
      <t>スウビョウ</t>
    </rPh>
    <rPh sb="27" eb="31">
      <t>コガタエンカ</t>
    </rPh>
    <rPh sb="32" eb="34">
      <t>フンスイ</t>
    </rPh>
    <rPh sb="35" eb="36">
      <t>ホン</t>
    </rPh>
    <rPh sb="38" eb="40">
      <t>ショウヒ</t>
    </rPh>
    <phoneticPr fontId="2"/>
  </si>
  <si>
    <t>1988年01月01日～2022年12月31日</t>
    <phoneticPr fontId="2"/>
  </si>
  <si>
    <t>大磯町</t>
    <rPh sb="0" eb="2">
      <t>オオイソマチ</t>
    </rPh>
    <phoneticPr fontId="2"/>
  </si>
  <si>
    <t>何らかの理由により導火線が正常に燃焼しなかったことから、過早発が発生した。</t>
    <phoneticPr fontId="2"/>
  </si>
  <si>
    <t>製造中、運搬中に導火線を傷めたことが原因と考えられるが、使用前や装填中に外見からの異常は確認できなかった。</t>
    <phoneticPr fontId="2"/>
  </si>
  <si>
    <t>20時15分頃</t>
    <rPh sb="2" eb="3">
      <t>ジ</t>
    </rPh>
    <rPh sb="5" eb="6">
      <t>フン</t>
    </rPh>
    <rPh sb="6" eb="7">
      <t>コロ</t>
    </rPh>
    <phoneticPr fontId="2"/>
  </si>
  <si>
    <t>2023-01</t>
    <phoneticPr fontId="2"/>
  </si>
  <si>
    <t>8時38分頃</t>
    <rPh sb="1" eb="2">
      <t>ジ</t>
    </rPh>
    <rPh sb="4" eb="5">
      <t>フン</t>
    </rPh>
    <rPh sb="5" eb="6">
      <t>コロ</t>
    </rPh>
    <phoneticPr fontId="2"/>
  </si>
  <si>
    <t>交通規制のために使用した道路作業用発煙筒(がん具煙火)が風に押されて移動し、セーフティガイドブロックに接触して着火し、一部焼損した。</t>
  </si>
  <si>
    <t>セーフティガイドブロックから約１ｍ離れて投下し、発煙筒が静止していることを目視で安全確認後、停止車両調査続行のため前方へ移動したが、発煙筒が風に押されて移動し、セーフティガイドブロックに接触、着火したもの。</t>
  </si>
  <si>
    <t>19時35分頃</t>
    <rPh sb="2" eb="3">
      <t>ジ</t>
    </rPh>
    <rPh sb="5" eb="6">
      <t>フン</t>
    </rPh>
    <rPh sb="6" eb="7">
      <t>コロ</t>
    </rPh>
    <phoneticPr fontId="2"/>
  </si>
  <si>
    <t>煙火</t>
    <rPh sb="0" eb="2">
      <t>エンカ</t>
    </rPh>
    <phoneticPr fontId="2"/>
  </si>
  <si>
    <t>花火大会において、台船上から打ち揚げた10号玉１発が過早発となった。</t>
  </si>
  <si>
    <t>不明（事業者からの情報提供なし）</t>
  </si>
  <si>
    <t>19時3分頃
～
19時15分頃</t>
    <rPh sb="2" eb="3">
      <t>ジ</t>
    </rPh>
    <rPh sb="4" eb="5">
      <t>フン</t>
    </rPh>
    <rPh sb="5" eb="6">
      <t>コロ</t>
    </rPh>
    <rPh sb="11" eb="12">
      <t>ジ</t>
    </rPh>
    <rPh sb="14" eb="15">
      <t>フン</t>
    </rPh>
    <rPh sb="15" eb="16">
      <t>コロ</t>
    </rPh>
    <phoneticPr fontId="2"/>
  </si>
  <si>
    <t>海老名市</t>
    <rPh sb="0" eb="3">
      <t>エビナシ</t>
    </rPh>
    <phoneticPr fontId="2"/>
  </si>
  <si>
    <t>河川敷で行われた花火大会(4号玉まで)において、2.5号玉(中国製)が3回にわたり過早発となった。</t>
  </si>
  <si>
    <t>導火線の加工不良（推定）</t>
  </si>
  <si>
    <t>20時14分頃</t>
    <rPh sb="2" eb="3">
      <t>ジ</t>
    </rPh>
    <rPh sb="5" eb="6">
      <t>フン</t>
    </rPh>
    <rPh sb="6" eb="7">
      <t>コロ</t>
    </rPh>
    <phoneticPr fontId="2"/>
  </si>
  <si>
    <t>消費</t>
    <rPh sb="0" eb="2">
      <t>ショウヒ</t>
    </rPh>
    <phoneticPr fontId="2"/>
  </si>
  <si>
    <t>中学校敷地内で開催されたふるさと祭りにおいて、長さ40m、炎管55本のナイアガラの火の粉により安全距離外の植栽(シュロの木)及び防球ネットを焼損した。</t>
  </si>
  <si>
    <t>煙火消費中の仕掛煙火が風によりあおられ、安全距離外にあったシュロの木に引火し、さらにシュロの木周辺にあった防球ネットへ延焼したもの</t>
  </si>
  <si>
    <t>19時53分頃</t>
    <rPh sb="2" eb="3">
      <t>ジ</t>
    </rPh>
    <rPh sb="5" eb="6">
      <t>フン</t>
    </rPh>
    <rPh sb="6" eb="7">
      <t>コロ</t>
    </rPh>
    <phoneticPr fontId="2"/>
  </si>
  <si>
    <t>清川村</t>
    <rPh sb="0" eb="2">
      <t>キヨカワムラ</t>
    </rPh>
    <phoneticPr fontId="2"/>
  </si>
  <si>
    <t>お祭りで打揚煙火(3号玉まで)と小型煙火を消費中、2.5号玉1発(中国製)が過早発となった。</t>
  </si>
  <si>
    <t>導火線（親みち）の加工不良（推定）。</t>
  </si>
  <si>
    <t>20時32分頃</t>
    <rPh sb="2" eb="3">
      <t>ジ</t>
    </rPh>
    <rPh sb="5" eb="6">
      <t>フン</t>
    </rPh>
    <rPh sb="6" eb="7">
      <t>コロ</t>
    </rPh>
    <phoneticPr fontId="2"/>
  </si>
  <si>
    <t>点火器の作動不良（点火器を起動した際に電流が大きく作動した）
器具の経年劣化</t>
    <phoneticPr fontId="2"/>
  </si>
  <si>
    <t>2023-02</t>
    <phoneticPr fontId="2"/>
  </si>
  <si>
    <t>2023-03</t>
    <phoneticPr fontId="2"/>
  </si>
  <si>
    <t>2023-04</t>
    <phoneticPr fontId="2"/>
  </si>
  <si>
    <t>2023-05</t>
    <phoneticPr fontId="2"/>
  </si>
  <si>
    <t>2023-06</t>
    <phoneticPr fontId="2"/>
  </si>
  <si>
    <t>2023-07</t>
    <phoneticPr fontId="2"/>
  </si>
  <si>
    <t>煙火業者が煙火を打ち上げ、煙火の火薬が燃焼しながら墓の植木に落下したことから、植木に着火したもの</t>
  </si>
  <si>
    <t>仕掛煙火（通称小型煙火）１台の発射薬が少なかったこと（既製品のため確認できない。）又は内部火薬が浮いてしまい発射薬の威力が伝わらなかったことにより部品落下が生じ、星が地上に達したことから消費位置から約１０ｍにある植木に着火し１本が焼損したものと推定した。</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yyyy&quot;年&quot;m&quot;月&quot;d&quot;日&quot;;@"/>
    <numFmt numFmtId="177" formatCode="[$-F800]dddd\,\ mmmm\ dd\,\ yyyy"/>
  </numFmts>
  <fonts count="14">
    <font>
      <sz val="11"/>
      <name val="ＭＳ Ｐゴシック"/>
      <family val="3"/>
      <charset val="128"/>
    </font>
    <font>
      <sz val="11"/>
      <name val="ＭＳ Ｐゴシック"/>
      <family val="3"/>
      <charset val="128"/>
    </font>
    <font>
      <sz val="6"/>
      <name val="ＭＳ Ｐゴシック"/>
      <family val="3"/>
      <charset val="128"/>
    </font>
    <font>
      <sz val="11"/>
      <name val="ＭＳ ゴシック"/>
      <family val="3"/>
      <charset val="128"/>
    </font>
    <font>
      <sz val="11"/>
      <name val="Times New Roman"/>
      <family val="1"/>
    </font>
    <font>
      <sz val="10"/>
      <name val="ＭＳ Ｐゴシック"/>
      <family val="3"/>
      <charset val="128"/>
    </font>
    <font>
      <sz val="11"/>
      <name val="DejaVu Sans"/>
      <family val="2"/>
    </font>
    <font>
      <sz val="10.5"/>
      <name val="ＭＳ ゴシック"/>
      <family val="3"/>
      <charset val="128"/>
    </font>
    <font>
      <sz val="12"/>
      <name val="ＭＳ 明朝"/>
      <family val="1"/>
      <charset val="128"/>
    </font>
    <font>
      <sz val="6"/>
      <name val="ＭＳ 明朝"/>
      <family val="1"/>
      <charset val="128"/>
    </font>
    <font>
      <sz val="11"/>
      <name val="ＭＳ 明朝"/>
      <family val="1"/>
      <charset val="128"/>
    </font>
    <font>
      <sz val="10.5"/>
      <color theme="1"/>
      <name val="ＭＳ ゴシック"/>
      <family val="3"/>
      <charset val="128"/>
    </font>
    <font>
      <sz val="10.5"/>
      <name val="ＭＳ 明朝"/>
      <family val="1"/>
      <charset val="128"/>
    </font>
    <font>
      <sz val="11"/>
      <name val="ＭＳ Ｐ明朝"/>
      <family val="1"/>
      <charset val="128"/>
    </font>
  </fonts>
  <fills count="2">
    <fill>
      <patternFill patternType="none"/>
    </fill>
    <fill>
      <patternFill patternType="gray125"/>
    </fill>
  </fills>
  <borders count="7">
    <border>
      <left/>
      <right/>
      <top/>
      <bottom/>
      <diagonal/>
    </border>
    <border>
      <left style="thin">
        <color indexed="64"/>
      </left>
      <right style="thin">
        <color indexed="64"/>
      </right>
      <top style="thin">
        <color indexed="64"/>
      </top>
      <bottom style="thin">
        <color indexed="64"/>
      </bottom>
      <diagonal/>
    </border>
    <border>
      <left style="thin">
        <color indexed="8"/>
      </left>
      <right style="thin">
        <color indexed="8"/>
      </right>
      <top/>
      <bottom/>
      <diagonal/>
    </border>
    <border>
      <left style="thin">
        <color indexed="8"/>
      </left>
      <right style="thin">
        <color indexed="8"/>
      </right>
      <top style="thin">
        <color indexed="8"/>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8"/>
      </left>
      <right style="thin">
        <color indexed="8"/>
      </right>
      <top style="thin">
        <color indexed="8"/>
      </top>
      <bottom style="thin">
        <color indexed="8"/>
      </bottom>
      <diagonal/>
    </border>
  </borders>
  <cellStyleXfs count="3">
    <xf numFmtId="0" fontId="0" fillId="0" borderId="0">
      <alignment vertical="center"/>
    </xf>
    <xf numFmtId="0" fontId="8" fillId="0" borderId="0">
      <alignment vertical="center"/>
    </xf>
    <xf numFmtId="0" fontId="1" fillId="0" borderId="0"/>
  </cellStyleXfs>
  <cellXfs count="64">
    <xf numFmtId="0" fontId="0" fillId="0" borderId="0" xfId="0">
      <alignment vertical="center"/>
    </xf>
    <xf numFmtId="17" fontId="0" fillId="0" borderId="1" xfId="0" quotePrefix="1" applyNumberFormat="1" applyFont="1" applyFill="1" applyBorder="1" applyAlignment="1">
      <alignment horizontal="center" vertical="top" wrapText="1"/>
    </xf>
    <xf numFmtId="0" fontId="0" fillId="0" borderId="1" xfId="0" applyFont="1" applyFill="1" applyBorder="1" applyAlignment="1">
      <alignment horizontal="center" vertical="top" wrapText="1" shrinkToFit="1"/>
    </xf>
    <xf numFmtId="0" fontId="0" fillId="0" borderId="1" xfId="0" quotePrefix="1" applyFont="1" applyFill="1" applyBorder="1" applyAlignment="1">
      <alignment horizontal="center" vertical="top" wrapText="1"/>
    </xf>
    <xf numFmtId="0" fontId="0" fillId="0" borderId="1" xfId="0" applyFont="1" applyFill="1" applyBorder="1" applyAlignment="1">
      <alignment vertical="top" wrapText="1"/>
    </xf>
    <xf numFmtId="0" fontId="5" fillId="0" borderId="1" xfId="0" applyFont="1" applyFill="1" applyBorder="1" applyAlignment="1">
      <alignment vertical="top" wrapText="1"/>
    </xf>
    <xf numFmtId="0" fontId="0" fillId="0" borderId="1" xfId="0" applyFont="1" applyFill="1" applyBorder="1" applyAlignment="1">
      <alignment horizontal="left" vertical="top" wrapText="1"/>
    </xf>
    <xf numFmtId="0" fontId="1" fillId="0" borderId="1" xfId="0" applyFont="1" applyFill="1" applyBorder="1" applyAlignment="1">
      <alignment horizontal="center" vertical="top" wrapText="1"/>
    </xf>
    <xf numFmtId="0" fontId="1" fillId="0" borderId="1" xfId="0" applyFont="1" applyFill="1" applyBorder="1" applyAlignment="1">
      <alignment horizontal="left" vertical="top" wrapText="1"/>
    </xf>
    <xf numFmtId="0" fontId="5" fillId="0" borderId="1" xfId="0" applyFont="1" applyFill="1" applyBorder="1" applyAlignment="1">
      <alignment horizontal="center" vertical="center" wrapText="1"/>
    </xf>
    <xf numFmtId="0" fontId="0" fillId="0" borderId="1" xfId="0" applyFill="1" applyBorder="1" applyAlignment="1">
      <alignment vertical="center" wrapText="1"/>
    </xf>
    <xf numFmtId="0" fontId="0" fillId="0" borderId="3" xfId="0" quotePrefix="1" applyFill="1" applyBorder="1" applyAlignment="1">
      <alignment vertical="top" wrapText="1"/>
    </xf>
    <xf numFmtId="0" fontId="0" fillId="0" borderId="1" xfId="0" quotePrefix="1" applyFill="1" applyBorder="1" applyAlignment="1">
      <alignment vertical="top" wrapText="1"/>
    </xf>
    <xf numFmtId="17" fontId="0" fillId="0" borderId="2" xfId="0" quotePrefix="1" applyNumberFormat="1" applyFill="1" applyBorder="1" applyAlignment="1">
      <alignment vertical="top" wrapText="1"/>
    </xf>
    <xf numFmtId="0" fontId="0" fillId="0" borderId="1" xfId="0" applyFill="1" applyBorder="1" applyAlignment="1">
      <alignment vertical="top" wrapText="1"/>
    </xf>
    <xf numFmtId="0" fontId="0" fillId="0" borderId="1" xfId="0" applyFill="1" applyBorder="1" applyAlignment="1">
      <alignment horizontal="center" vertical="top" wrapText="1" shrinkToFit="1"/>
    </xf>
    <xf numFmtId="0" fontId="0" fillId="0" borderId="1" xfId="0" applyFill="1" applyBorder="1" applyAlignment="1">
      <alignment horizontal="center" vertical="top" wrapText="1"/>
    </xf>
    <xf numFmtId="0" fontId="7" fillId="0" borderId="1" xfId="0" applyFont="1" applyFill="1" applyBorder="1" applyAlignment="1">
      <alignment vertical="top" wrapText="1"/>
    </xf>
    <xf numFmtId="0" fontId="0" fillId="0" borderId="6" xfId="0" applyFill="1" applyBorder="1" applyAlignment="1">
      <alignment vertical="top" wrapText="1"/>
    </xf>
    <xf numFmtId="0" fontId="1" fillId="0" borderId="1" xfId="0" applyFont="1" applyFill="1" applyBorder="1" applyAlignment="1">
      <alignment vertical="top" wrapText="1"/>
    </xf>
    <xf numFmtId="32" fontId="0" fillId="0" borderId="1" xfId="0" applyNumberFormat="1" applyFill="1" applyBorder="1" applyAlignment="1">
      <alignment horizontal="center" vertical="top" wrapText="1" shrinkToFit="1"/>
    </xf>
    <xf numFmtId="31" fontId="1" fillId="0" borderId="1" xfId="0" applyNumberFormat="1" applyFont="1" applyFill="1" applyBorder="1" applyAlignment="1">
      <alignment horizontal="center" vertical="top" wrapText="1" shrinkToFit="1"/>
    </xf>
    <xf numFmtId="176" fontId="1" fillId="0" borderId="1" xfId="0" applyNumberFormat="1" applyFont="1" applyFill="1" applyBorder="1" applyAlignment="1">
      <alignment horizontal="center" vertical="top" wrapText="1" shrinkToFit="1"/>
    </xf>
    <xf numFmtId="0" fontId="4" fillId="0" borderId="0" xfId="0" applyFont="1" applyFill="1" applyAlignment="1">
      <alignment horizontal="center" vertical="top" wrapText="1"/>
    </xf>
    <xf numFmtId="0" fontId="1" fillId="0" borderId="1" xfId="1" applyFont="1" applyFill="1" applyBorder="1" applyAlignment="1">
      <alignment vertical="top" wrapText="1"/>
    </xf>
    <xf numFmtId="176" fontId="1" fillId="0" borderId="1" xfId="2" applyNumberFormat="1" applyFont="1" applyFill="1" applyBorder="1" applyAlignment="1">
      <alignment horizontal="left" vertical="top" wrapText="1" shrinkToFit="1"/>
    </xf>
    <xf numFmtId="0" fontId="1" fillId="0" borderId="0" xfId="0" applyFont="1" applyFill="1" applyAlignment="1">
      <alignment horizontal="left" vertical="top"/>
    </xf>
    <xf numFmtId="176" fontId="1" fillId="0" borderId="0" xfId="0" applyNumberFormat="1" applyFont="1" applyFill="1" applyAlignment="1">
      <alignment vertical="top"/>
    </xf>
    <xf numFmtId="0" fontId="3" fillId="0" borderId="0" xfId="0" applyFont="1" applyFill="1" applyAlignment="1">
      <alignment horizontal="left" vertical="top" wrapText="1"/>
    </xf>
    <xf numFmtId="0" fontId="1" fillId="0" borderId="0" xfId="0" applyFont="1" applyFill="1" applyAlignment="1">
      <alignment horizontal="left" vertical="top" wrapText="1"/>
    </xf>
    <xf numFmtId="58" fontId="0" fillId="0" borderId="0" xfId="0" applyNumberFormat="1" applyFont="1" applyFill="1" applyAlignment="1">
      <alignment horizontal="right" vertical="top" wrapText="1"/>
    </xf>
    <xf numFmtId="0" fontId="1" fillId="0" borderId="1" xfId="0" applyFont="1" applyFill="1" applyBorder="1" applyAlignment="1">
      <alignment horizontal="center" vertical="top" wrapText="1" shrinkToFit="1"/>
    </xf>
    <xf numFmtId="0" fontId="1" fillId="0" borderId="1" xfId="0" quotePrefix="1" applyFont="1" applyFill="1" applyBorder="1" applyAlignment="1">
      <alignment horizontal="center" vertical="top" wrapText="1"/>
    </xf>
    <xf numFmtId="31" fontId="0" fillId="0" borderId="1" xfId="0" applyNumberFormat="1" applyFont="1" applyFill="1" applyBorder="1" applyAlignment="1">
      <alignment horizontal="center" vertical="top" wrapText="1" shrinkToFit="1"/>
    </xf>
    <xf numFmtId="31" fontId="0" fillId="0" borderId="4" xfId="0" applyNumberFormat="1" applyFont="1" applyFill="1" applyBorder="1" applyAlignment="1">
      <alignment horizontal="center" vertical="top" wrapText="1" shrinkToFit="1"/>
    </xf>
    <xf numFmtId="0" fontId="0" fillId="0" borderId="3" xfId="0" applyFont="1" applyFill="1" applyBorder="1" applyAlignment="1">
      <alignment horizontal="center" vertical="top" wrapText="1" shrinkToFit="1"/>
    </xf>
    <xf numFmtId="0" fontId="0" fillId="0" borderId="3" xfId="0" applyFont="1" applyFill="1" applyBorder="1" applyAlignment="1">
      <alignment horizontal="center" vertical="top" wrapText="1"/>
    </xf>
    <xf numFmtId="0" fontId="0" fillId="0" borderId="3" xfId="0" applyFont="1" applyFill="1" applyBorder="1" applyAlignment="1">
      <alignment vertical="top" wrapText="1"/>
    </xf>
    <xf numFmtId="0" fontId="5" fillId="0" borderId="3" xfId="0" applyFont="1" applyFill="1" applyBorder="1" applyAlignment="1">
      <alignment vertical="top" wrapText="1"/>
    </xf>
    <xf numFmtId="32" fontId="0" fillId="0" borderId="1" xfId="0" applyNumberFormat="1" applyFont="1" applyFill="1" applyBorder="1" applyAlignment="1">
      <alignment horizontal="center" vertical="top" wrapText="1" shrinkToFit="1"/>
    </xf>
    <xf numFmtId="0" fontId="0" fillId="0" borderId="1" xfId="0" applyFont="1" applyFill="1" applyBorder="1" applyAlignment="1">
      <alignment horizontal="center" vertical="top" wrapText="1"/>
    </xf>
    <xf numFmtId="0" fontId="6" fillId="0" borderId="1" xfId="0" applyFont="1" applyFill="1" applyBorder="1" applyAlignment="1">
      <alignment horizontal="center" vertical="top" wrapText="1"/>
    </xf>
    <xf numFmtId="0" fontId="6" fillId="0" borderId="1" xfId="0" applyFont="1" applyFill="1" applyBorder="1" applyAlignment="1">
      <alignment vertical="top" wrapText="1"/>
    </xf>
    <xf numFmtId="31" fontId="0" fillId="0" borderId="5" xfId="0" applyNumberFormat="1" applyFont="1" applyFill="1" applyBorder="1" applyAlignment="1">
      <alignment horizontal="center" vertical="top" wrapText="1" shrinkToFit="1"/>
    </xf>
    <xf numFmtId="0" fontId="0" fillId="0" borderId="2" xfId="0" applyFont="1" applyFill="1" applyBorder="1" applyAlignment="1">
      <alignment horizontal="center" vertical="top" wrapText="1" shrinkToFit="1"/>
    </xf>
    <xf numFmtId="0" fontId="6" fillId="0" borderId="2" xfId="0" applyFont="1" applyFill="1" applyBorder="1" applyAlignment="1">
      <alignment horizontal="center" vertical="top" wrapText="1"/>
    </xf>
    <xf numFmtId="0" fontId="6" fillId="0" borderId="2" xfId="0" applyFont="1" applyFill="1" applyBorder="1" applyAlignment="1">
      <alignment vertical="top" wrapText="1"/>
    </xf>
    <xf numFmtId="0" fontId="0" fillId="0" borderId="2" xfId="0" applyFont="1" applyFill="1" applyBorder="1" applyAlignment="1">
      <alignment vertical="top" wrapText="1"/>
    </xf>
    <xf numFmtId="0" fontId="0" fillId="0" borderId="6" xfId="0" applyFont="1" applyFill="1" applyBorder="1" applyAlignment="1">
      <alignment horizontal="center" vertical="top" wrapText="1" shrinkToFit="1"/>
    </xf>
    <xf numFmtId="0" fontId="6" fillId="0" borderId="6" xfId="0" applyFont="1" applyFill="1" applyBorder="1" applyAlignment="1">
      <alignment horizontal="center" vertical="top" wrapText="1"/>
    </xf>
    <xf numFmtId="0" fontId="6" fillId="0" borderId="6" xfId="0" applyFont="1" applyFill="1" applyBorder="1" applyAlignment="1">
      <alignment vertical="top" wrapText="1"/>
    </xf>
    <xf numFmtId="0" fontId="0" fillId="0" borderId="6" xfId="0" applyFont="1" applyFill="1" applyBorder="1" applyAlignment="1">
      <alignment vertical="top" wrapText="1"/>
    </xf>
    <xf numFmtId="31" fontId="1" fillId="0" borderId="1" xfId="0" applyNumberFormat="1" applyFont="1" applyFill="1" applyBorder="1" applyAlignment="1">
      <alignment vertical="top" wrapText="1" shrinkToFit="1"/>
    </xf>
    <xf numFmtId="0" fontId="0" fillId="0" borderId="1" xfId="0" applyFill="1" applyBorder="1" applyAlignment="1">
      <alignment vertical="top" wrapText="1" shrinkToFit="1"/>
    </xf>
    <xf numFmtId="0" fontId="0" fillId="0" borderId="1" xfId="1" applyFont="1" applyFill="1" applyBorder="1" applyAlignment="1">
      <alignment vertical="top" wrapText="1"/>
    </xf>
    <xf numFmtId="0" fontId="1" fillId="0" borderId="0" xfId="0" applyFont="1" applyFill="1" applyAlignment="1">
      <alignment horizontal="right" vertical="top" wrapText="1"/>
    </xf>
    <xf numFmtId="177" fontId="1" fillId="0" borderId="1" xfId="0" applyNumberFormat="1" applyFont="1" applyFill="1" applyBorder="1" applyAlignment="1">
      <alignment horizontal="center" vertical="top" wrapText="1" shrinkToFit="1"/>
    </xf>
    <xf numFmtId="0" fontId="11" fillId="0" borderId="1" xfId="0" applyFont="1" applyBorder="1" applyAlignment="1">
      <alignment horizontal="left" vertical="top" wrapText="1"/>
    </xf>
    <xf numFmtId="177" fontId="0" fillId="0" borderId="1" xfId="0" applyNumberFormat="1" applyFont="1" applyFill="1" applyBorder="1" applyAlignment="1">
      <alignment horizontal="center" vertical="top" wrapText="1" shrinkToFit="1"/>
    </xf>
    <xf numFmtId="49" fontId="0" fillId="0" borderId="1" xfId="0" applyNumberFormat="1" applyFont="1" applyFill="1" applyBorder="1" applyAlignment="1">
      <alignment horizontal="center" vertical="top" wrapText="1"/>
    </xf>
    <xf numFmtId="0" fontId="12" fillId="0" borderId="1" xfId="0" applyFont="1" applyBorder="1" applyAlignment="1">
      <alignment horizontal="left" vertical="top"/>
    </xf>
    <xf numFmtId="0" fontId="0" fillId="0" borderId="0" xfId="0" applyFont="1" applyAlignment="1">
      <alignment horizontal="left" vertical="top"/>
    </xf>
    <xf numFmtId="0" fontId="7" fillId="0" borderId="1" xfId="0" applyFont="1" applyBorder="1" applyAlignment="1">
      <alignment horizontal="left" vertical="top" wrapText="1"/>
    </xf>
    <xf numFmtId="0" fontId="13" fillId="0" borderId="0" xfId="0" applyFont="1" applyFill="1" applyAlignment="1">
      <alignment horizontal="center" vertical="top" wrapText="1"/>
    </xf>
  </cellXfs>
  <cellStyles count="3">
    <cellStyle name="標準" xfId="0" builtinId="0"/>
    <cellStyle name="標準_Sheet" xfId="1"/>
    <cellStyle name="標準_液化石油ガス事故（平成２２年）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0313\Users\57873207\Desktop\icdtdb(dat_&#24120;&#26178;&#20837;&#2114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12480;&#12454;&#12531;&#12525;&#12540;&#12489;\05_&#39640;&#22311;&#12460;&#12473;&#12539;&#12467;&#12531;&#12499;&#12490;&#12540;&#12488;&#12464;&#12523;&#12540;&#12503;\&#26087;&#39640;&#22311;&#12460;&#12473;G\07_&#20107;&#25925;&#38306;&#20418;\02%20&#20107;&#25925;&#20107;&#20363;&#12487;&#12540;&#12479;&#12505;&#12540;&#12473;\&#9675;&#24120;&#26178;&#20837;&#21147;\icdtdb(data)_&#24120;&#26178;&#20837;&#21147;_2019&#24180;&#20197;&#3847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
      <sheetName val="高DB(HP)"/>
      <sheetName val="液DB"/>
      <sheetName val="液(R)"/>
      <sheetName val="火(R)"/>
      <sheetName val="常時入力(高圧ガス)"/>
      <sheetName val="取り下げ（高圧）"/>
      <sheetName val="取り下げ(LP)"/>
      <sheetName val="入力リスト"/>
      <sheetName val="Sheet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2">
          <cell r="A2" t="str">
            <v>製造事業所（一般）</v>
          </cell>
          <cell r="B2" t="str">
            <v>爆発</v>
          </cell>
          <cell r="C2" t="str">
            <v>アセチレン</v>
          </cell>
          <cell r="D2" t="str">
            <v>設計不良</v>
          </cell>
          <cell r="E2" t="str">
            <v>A</v>
          </cell>
          <cell r="F2" t="str">
            <v>新設試運転中</v>
          </cell>
        </row>
        <row r="3">
          <cell r="A3" t="str">
            <v>製造事業所（LP）</v>
          </cell>
          <cell r="B3" t="str">
            <v>火災</v>
          </cell>
          <cell r="C3" t="str">
            <v>エチレン</v>
          </cell>
          <cell r="D3" t="str">
            <v>製作不良</v>
          </cell>
          <cell r="E3" t="str">
            <v>B1</v>
          </cell>
          <cell r="F3" t="str">
            <v>1年未満</v>
          </cell>
        </row>
        <row r="4">
          <cell r="A4" t="str">
            <v>製造事業所（冷凍）</v>
          </cell>
          <cell r="B4" t="str">
            <v>噴出・漏えい</v>
          </cell>
          <cell r="C4" t="str">
            <v>液化石油ガス</v>
          </cell>
          <cell r="D4" t="str">
            <v>施工管理不良</v>
          </cell>
          <cell r="E4" t="str">
            <v>B2</v>
          </cell>
          <cell r="F4" t="str">
            <v>1～3年未満</v>
          </cell>
        </row>
        <row r="5">
          <cell r="A5" t="str">
            <v>製造事業所（コンビ）</v>
          </cell>
          <cell r="B5" t="str">
            <v>破裂・破損等</v>
          </cell>
          <cell r="C5" t="str">
            <v>塩化ビニル</v>
          </cell>
          <cell r="D5" t="str">
            <v>腐食管理不良</v>
          </cell>
          <cell r="E5" t="str">
            <v>C1</v>
          </cell>
          <cell r="F5" t="str">
            <v>3～5年未満</v>
          </cell>
        </row>
        <row r="6">
          <cell r="A6" t="str">
            <v>貯蔵所</v>
          </cell>
          <cell r="B6" t="str">
            <v>喪失・盗難</v>
          </cell>
          <cell r="C6" t="str">
            <v>水素</v>
          </cell>
          <cell r="D6" t="str">
            <v>検査管理不良</v>
          </cell>
          <cell r="E6" t="str">
            <v>C2</v>
          </cell>
          <cell r="F6" t="str">
            <v>5～7年未満</v>
          </cell>
        </row>
        <row r="7">
          <cell r="A7" t="str">
            <v>販売所</v>
          </cell>
          <cell r="C7" t="str">
            <v>ブタン</v>
          </cell>
          <cell r="D7" t="str">
            <v>点検不良</v>
          </cell>
          <cell r="F7" t="str">
            <v>7～10年未満</v>
          </cell>
        </row>
        <row r="8">
          <cell r="A8" t="str">
            <v>移動中</v>
          </cell>
          <cell r="C8" t="str">
            <v>プロパン</v>
          </cell>
          <cell r="D8" t="str">
            <v>締結管理不良</v>
          </cell>
          <cell r="F8" t="str">
            <v>10～15年未満</v>
          </cell>
        </row>
        <row r="9">
          <cell r="A9" t="str">
            <v>消費先</v>
          </cell>
          <cell r="C9" t="str">
            <v>プロピレン</v>
          </cell>
          <cell r="D9" t="str">
            <v>シール管理不良</v>
          </cell>
          <cell r="F9" t="str">
            <v>15～20年未満</v>
          </cell>
        </row>
        <row r="10">
          <cell r="A10" t="str">
            <v>容器</v>
          </cell>
          <cell r="C10" t="str">
            <v>メタン</v>
          </cell>
          <cell r="D10" t="str">
            <v>容器管理不良</v>
          </cell>
        </row>
        <row r="11">
          <cell r="A11" t="str">
            <v>廃棄</v>
          </cell>
          <cell r="C11" t="str">
            <v>亜硫酸ガス</v>
          </cell>
          <cell r="D11" t="str">
            <v>組織運営不良</v>
          </cell>
        </row>
        <row r="12">
          <cell r="C12" t="str">
            <v>塩素</v>
          </cell>
          <cell r="D12" t="str">
            <v>操作基準等の不備</v>
          </cell>
        </row>
        <row r="13">
          <cell r="C13" t="str">
            <v>アンモニア</v>
          </cell>
          <cell r="D13" t="str">
            <v>情報伝達の不備</v>
          </cell>
        </row>
        <row r="14">
          <cell r="C14" t="str">
            <v>一酸化炭素</v>
          </cell>
          <cell r="D14" t="str">
            <v>誤操作・誤判断</v>
          </cell>
        </row>
        <row r="15">
          <cell r="C15" t="str">
            <v>クロルメチル</v>
          </cell>
          <cell r="D15" t="str">
            <v>不良行為</v>
          </cell>
        </row>
        <row r="16">
          <cell r="C16" t="str">
            <v>酸化エチレン</v>
          </cell>
          <cell r="D16" t="str">
            <v>自然災害(台風)</v>
          </cell>
        </row>
        <row r="17">
          <cell r="C17" t="str">
            <v>シアン化水素</v>
          </cell>
          <cell r="D17" t="str">
            <v>自然災害(地震)</v>
          </cell>
        </row>
        <row r="18">
          <cell r="C18" t="str">
            <v>硫化水素</v>
          </cell>
          <cell r="D18" t="str">
            <v>自然災害(その他)</v>
          </cell>
        </row>
        <row r="19">
          <cell r="C19" t="str">
            <v>空気</v>
          </cell>
          <cell r="D19" t="str">
            <v>交通事故(他損)</v>
          </cell>
        </row>
        <row r="20">
          <cell r="C20" t="str">
            <v>酸素</v>
          </cell>
          <cell r="D20" t="str">
            <v>交通事故(自損)</v>
          </cell>
        </row>
        <row r="21">
          <cell r="C21" t="str">
            <v>アルゴン</v>
          </cell>
          <cell r="D21" t="str">
            <v>盗難</v>
          </cell>
        </row>
        <row r="22">
          <cell r="C22" t="str">
            <v>炭酸ガス</v>
          </cell>
          <cell r="D22" t="str">
            <v>喪失</v>
          </cell>
        </row>
        <row r="23">
          <cell r="C23" t="str">
            <v>窒素</v>
          </cell>
          <cell r="D23" t="str">
            <v>火災</v>
          </cell>
        </row>
        <row r="24">
          <cell r="C24" t="str">
            <v>ヘリウム</v>
          </cell>
        </row>
        <row r="25">
          <cell r="C25" t="str">
            <v>ﾌﾙｵﾛｶｰﾎﾞﾝ12</v>
          </cell>
        </row>
        <row r="26">
          <cell r="C26" t="str">
            <v>ﾌﾙｵﾛｶｰﾎﾞﾝ13</v>
          </cell>
        </row>
        <row r="27">
          <cell r="C27" t="str">
            <v>ﾌﾙｵﾛｶｰﾎﾞﾝ22</v>
          </cell>
        </row>
        <row r="28">
          <cell r="C28" t="str">
            <v>ﾌﾙｵﾛｶｰﾎﾞﾝ134a</v>
          </cell>
        </row>
        <row r="29">
          <cell r="C29" t="str">
            <v>ﾌﾙｵﾛｶｰﾎﾞﾝ404A</v>
          </cell>
        </row>
        <row r="30">
          <cell r="C30" t="str">
            <v>ﾌﾙｵﾛｶｰﾎﾞﾝ407C</v>
          </cell>
        </row>
        <row r="31">
          <cell r="C31" t="str">
            <v>ﾌﾙｵﾛｶｰﾎﾞﾝ407E</v>
          </cell>
        </row>
        <row r="32">
          <cell r="C32" t="str">
            <v>ﾌﾙｵﾛｶｰﾎﾞﾝ410A</v>
          </cell>
        </row>
      </sheetData>
      <sheetData sheetId="9"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P"/>
      <sheetName val="高DB(HP)"/>
      <sheetName val="液DB"/>
      <sheetName val="液(R)"/>
      <sheetName val="火(R)"/>
      <sheetName val="火DB"/>
      <sheetName val="常時入力(高圧ガス)"/>
      <sheetName val="取り下げ（高圧）"/>
      <sheetName val="取り下げ(LP)"/>
      <sheetName val="入力リスト"/>
      <sheetName val="HP統計用"/>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refreshError="1"/>
      <sheetData sheetId="9">
        <row r="2">
          <cell r="A2" t="str">
            <v>製造事業所（一般）</v>
          </cell>
          <cell r="B2" t="str">
            <v>爆発</v>
          </cell>
          <cell r="C2" t="str">
            <v>アセチレン</v>
          </cell>
          <cell r="D2" t="str">
            <v>設計不良</v>
          </cell>
          <cell r="E2" t="str">
            <v>A</v>
          </cell>
          <cell r="F2" t="str">
            <v>新設試運転中</v>
          </cell>
        </row>
        <row r="3">
          <cell r="A3" t="str">
            <v>製造事業所（LP）</v>
          </cell>
          <cell r="B3" t="str">
            <v>火災</v>
          </cell>
          <cell r="C3" t="str">
            <v>エチレン</v>
          </cell>
          <cell r="D3" t="str">
            <v>製作不良</v>
          </cell>
          <cell r="E3" t="str">
            <v>B1</v>
          </cell>
          <cell r="F3" t="str">
            <v>1年未満</v>
          </cell>
        </row>
        <row r="4">
          <cell r="A4" t="str">
            <v>製造事業所（冷凍）</v>
          </cell>
          <cell r="B4" t="str">
            <v>噴出・漏えい</v>
          </cell>
          <cell r="C4" t="str">
            <v>液化石油ガス</v>
          </cell>
          <cell r="D4" t="str">
            <v>施工管理不良</v>
          </cell>
          <cell r="E4" t="str">
            <v>B2</v>
          </cell>
          <cell r="F4" t="str">
            <v>1～3年未満</v>
          </cell>
        </row>
        <row r="5">
          <cell r="A5" t="str">
            <v>製造事業所（コンビ）</v>
          </cell>
          <cell r="B5" t="str">
            <v>破裂・破損等</v>
          </cell>
          <cell r="C5" t="str">
            <v>塩化ビニル</v>
          </cell>
          <cell r="D5" t="str">
            <v>腐食管理不良</v>
          </cell>
          <cell r="E5" t="str">
            <v>C1</v>
          </cell>
          <cell r="F5" t="str">
            <v>3～5年未満</v>
          </cell>
        </row>
        <row r="6">
          <cell r="A6" t="str">
            <v>貯蔵所</v>
          </cell>
          <cell r="B6" t="str">
            <v>喪失・盗難</v>
          </cell>
          <cell r="C6" t="str">
            <v>水素</v>
          </cell>
          <cell r="D6" t="str">
            <v>検査管理不良</v>
          </cell>
          <cell r="E6" t="str">
            <v>C2</v>
          </cell>
          <cell r="F6" t="str">
            <v>5～7年未満</v>
          </cell>
        </row>
        <row r="7">
          <cell r="A7" t="str">
            <v>販売所</v>
          </cell>
          <cell r="C7" t="str">
            <v>ブタン</v>
          </cell>
          <cell r="D7" t="str">
            <v>点検不良</v>
          </cell>
          <cell r="F7" t="str">
            <v>7～10年未満</v>
          </cell>
        </row>
        <row r="8">
          <cell r="A8" t="str">
            <v>移動中</v>
          </cell>
          <cell r="C8" t="str">
            <v>プロパン</v>
          </cell>
          <cell r="D8" t="str">
            <v>締結管理不良</v>
          </cell>
          <cell r="F8" t="str">
            <v>10～15年未満</v>
          </cell>
        </row>
        <row r="9">
          <cell r="A9" t="str">
            <v>消費先</v>
          </cell>
          <cell r="C9" t="str">
            <v>プロピレン</v>
          </cell>
          <cell r="D9" t="str">
            <v>シール管理不良</v>
          </cell>
          <cell r="F9" t="str">
            <v>15～20年未満</v>
          </cell>
        </row>
        <row r="10">
          <cell r="A10" t="str">
            <v>容器</v>
          </cell>
          <cell r="C10" t="str">
            <v>メタン</v>
          </cell>
          <cell r="D10" t="str">
            <v>容器管理不良</v>
          </cell>
        </row>
        <row r="11">
          <cell r="A11" t="str">
            <v>廃棄</v>
          </cell>
          <cell r="C11" t="str">
            <v>亜硫酸ガス</v>
          </cell>
          <cell r="D11" t="str">
            <v>組織運営不良</v>
          </cell>
        </row>
        <row r="12">
          <cell r="C12" t="str">
            <v>塩素</v>
          </cell>
          <cell r="D12" t="str">
            <v>操作基準等の不備</v>
          </cell>
        </row>
        <row r="13">
          <cell r="C13" t="str">
            <v>アンモニア</v>
          </cell>
          <cell r="D13" t="str">
            <v>情報伝達の不備</v>
          </cell>
        </row>
        <row r="14">
          <cell r="C14" t="str">
            <v>一酸化炭素</v>
          </cell>
          <cell r="D14" t="str">
            <v>誤操作・誤判断</v>
          </cell>
        </row>
        <row r="15">
          <cell r="C15" t="str">
            <v>クロルメチル</v>
          </cell>
          <cell r="D15" t="str">
            <v>不良行為</v>
          </cell>
        </row>
        <row r="16">
          <cell r="C16" t="str">
            <v>酸化エチレン</v>
          </cell>
          <cell r="D16" t="str">
            <v>自然災害(台風)</v>
          </cell>
        </row>
        <row r="17">
          <cell r="C17" t="str">
            <v>シアン化水素</v>
          </cell>
          <cell r="D17" t="str">
            <v>自然災害(地震)</v>
          </cell>
        </row>
        <row r="18">
          <cell r="C18" t="str">
            <v>硫化水素</v>
          </cell>
          <cell r="D18" t="str">
            <v>自然災害(その他)</v>
          </cell>
        </row>
        <row r="19">
          <cell r="C19" t="str">
            <v>空気</v>
          </cell>
          <cell r="D19" t="str">
            <v>交通事故(他損)</v>
          </cell>
        </row>
        <row r="20">
          <cell r="C20" t="str">
            <v>酸素</v>
          </cell>
          <cell r="D20" t="str">
            <v>交通事故(自損)</v>
          </cell>
        </row>
        <row r="21">
          <cell r="C21" t="str">
            <v>アルゴン</v>
          </cell>
          <cell r="D21" t="str">
            <v>盗難</v>
          </cell>
        </row>
        <row r="22">
          <cell r="C22" t="str">
            <v>炭酸ガス</v>
          </cell>
          <cell r="D22" t="str">
            <v>喪失</v>
          </cell>
        </row>
        <row r="23">
          <cell r="C23" t="str">
            <v>窒素</v>
          </cell>
          <cell r="D23" t="str">
            <v>火災</v>
          </cell>
        </row>
        <row r="24">
          <cell r="C24" t="str">
            <v>ヘリウム</v>
          </cell>
        </row>
        <row r="25">
          <cell r="C25" t="str">
            <v>ﾌﾙｵﾛｶｰﾎﾞﾝ12</v>
          </cell>
        </row>
        <row r="26">
          <cell r="C26" t="str">
            <v>ﾌﾙｵﾛｶｰﾎﾞﾝ13</v>
          </cell>
        </row>
        <row r="27">
          <cell r="C27" t="str">
            <v>ﾌﾙｵﾛｶｰﾎﾞﾝ22</v>
          </cell>
        </row>
        <row r="28">
          <cell r="C28" t="str">
            <v>ﾌﾙｵﾛｶｰﾎﾞﾝ134a</v>
          </cell>
        </row>
        <row r="29">
          <cell r="C29" t="str">
            <v>ﾌﾙｵﾛｶｰﾎﾞﾝ404A</v>
          </cell>
        </row>
        <row r="30">
          <cell r="C30" t="str">
            <v>ﾌﾙｵﾛｶｰﾎﾞﾝ407C</v>
          </cell>
        </row>
        <row r="31">
          <cell r="C31" t="str">
            <v>ﾌﾙｵﾛｶｰﾎﾞﾝ407E</v>
          </cell>
        </row>
        <row r="32">
          <cell r="C32" t="str">
            <v>ﾌﾙｵﾛｶｰﾎﾞﾝ410A</v>
          </cell>
        </row>
      </sheetData>
      <sheetData sheetId="1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0"/>
    <pageSetUpPr fitToPage="1"/>
  </sheetPr>
  <dimension ref="A1:N66"/>
  <sheetViews>
    <sheetView showGridLines="0" tabSelected="1" view="pageBreakPreview" zoomScale="80" zoomScaleNormal="100" zoomScaleSheetLayoutView="80" workbookViewId="0">
      <pane xSplit="1" ySplit="2" topLeftCell="B3" activePane="bottomRight" state="frozen"/>
      <selection pane="topRight" activeCell="D1" sqref="D1"/>
      <selection pane="bottomLeft" activeCell="A2" sqref="A2"/>
      <selection pane="bottomRight"/>
    </sheetView>
  </sheetViews>
  <sheetFormatPr defaultColWidth="7.88671875" defaultRowHeight="13.2"/>
  <cols>
    <col min="1" max="1" width="7.88671875" style="55" customWidth="1"/>
    <col min="2" max="2" width="19.21875" style="27" customWidth="1"/>
    <col min="3" max="3" width="11.44140625" style="28" customWidth="1"/>
    <col min="4" max="4" width="10.77734375" style="29" customWidth="1"/>
    <col min="5" max="6" width="7.33203125" style="29" customWidth="1"/>
    <col min="7" max="7" width="62.33203125" style="29" customWidth="1"/>
    <col min="8" max="10" width="2.88671875" style="29" customWidth="1"/>
    <col min="11" max="11" width="59.33203125" style="29" customWidth="1"/>
    <col min="12" max="16384" width="7.88671875" style="29"/>
  </cols>
  <sheetData>
    <row r="1" spans="1:14">
      <c r="A1" s="26" t="s">
        <v>0</v>
      </c>
      <c r="K1" s="30" t="s">
        <v>274</v>
      </c>
    </row>
    <row r="2" spans="1:14" s="23" customFormat="1" ht="26.4">
      <c r="A2" s="7" t="s">
        <v>1</v>
      </c>
      <c r="B2" s="31" t="s">
        <v>2</v>
      </c>
      <c r="C2" s="31" t="s">
        <v>3</v>
      </c>
      <c r="D2" s="32" t="s">
        <v>4</v>
      </c>
      <c r="E2" s="7" t="s">
        <v>5</v>
      </c>
      <c r="F2" s="7" t="s">
        <v>6</v>
      </c>
      <c r="G2" s="7" t="s">
        <v>7</v>
      </c>
      <c r="H2" s="7" t="s">
        <v>8</v>
      </c>
      <c r="I2" s="7" t="s">
        <v>9</v>
      </c>
      <c r="J2" s="7" t="s">
        <v>10</v>
      </c>
      <c r="K2" s="7" t="s">
        <v>11</v>
      </c>
    </row>
    <row r="3" spans="1:14" s="23" customFormat="1" ht="69.599999999999994" customHeight="1">
      <c r="A3" s="59" t="s">
        <v>306</v>
      </c>
      <c r="B3" s="56">
        <v>45164</v>
      </c>
      <c r="C3" s="2" t="s">
        <v>299</v>
      </c>
      <c r="D3" s="3" t="s">
        <v>253</v>
      </c>
      <c r="E3" s="40" t="s">
        <v>292</v>
      </c>
      <c r="F3" s="40" t="s">
        <v>284</v>
      </c>
      <c r="G3" s="6" t="s">
        <v>307</v>
      </c>
      <c r="H3" s="7">
        <v>0</v>
      </c>
      <c r="I3" s="7">
        <v>0</v>
      </c>
      <c r="J3" s="7">
        <v>0</v>
      </c>
      <c r="K3" s="62" t="s">
        <v>308</v>
      </c>
      <c r="N3" s="63"/>
    </row>
    <row r="4" spans="1:14" s="23" customFormat="1" ht="39" customHeight="1">
      <c r="A4" s="59" t="s">
        <v>305</v>
      </c>
      <c r="B4" s="56">
        <v>45150</v>
      </c>
      <c r="C4" s="2" t="s">
        <v>295</v>
      </c>
      <c r="D4" s="3" t="s">
        <v>296</v>
      </c>
      <c r="E4" s="40" t="s">
        <v>292</v>
      </c>
      <c r="F4" s="40" t="s">
        <v>284</v>
      </c>
      <c r="G4" s="8" t="s">
        <v>297</v>
      </c>
      <c r="H4" s="7">
        <v>0</v>
      </c>
      <c r="I4" s="7">
        <v>0</v>
      </c>
      <c r="J4" s="7">
        <v>0</v>
      </c>
      <c r="K4" s="61" t="s">
        <v>298</v>
      </c>
      <c r="N4" s="63"/>
    </row>
    <row r="5" spans="1:14" s="23" customFormat="1" ht="47.4" customHeight="1">
      <c r="A5" s="59" t="s">
        <v>304</v>
      </c>
      <c r="B5" s="56">
        <v>45143</v>
      </c>
      <c r="C5" s="2" t="s">
        <v>291</v>
      </c>
      <c r="D5" s="3" t="s">
        <v>83</v>
      </c>
      <c r="E5" s="40" t="s">
        <v>292</v>
      </c>
      <c r="F5" s="40" t="s">
        <v>284</v>
      </c>
      <c r="G5" s="8" t="s">
        <v>293</v>
      </c>
      <c r="H5" s="7">
        <v>0</v>
      </c>
      <c r="I5" s="7">
        <v>0</v>
      </c>
      <c r="J5" s="7">
        <v>0</v>
      </c>
      <c r="K5" s="6" t="s">
        <v>294</v>
      </c>
    </row>
    <row r="6" spans="1:14" s="23" customFormat="1" ht="51" customHeight="1">
      <c r="A6" s="59" t="s">
        <v>303</v>
      </c>
      <c r="B6" s="56">
        <v>45143</v>
      </c>
      <c r="C6" s="2" t="s">
        <v>287</v>
      </c>
      <c r="D6" s="3" t="s">
        <v>288</v>
      </c>
      <c r="E6" s="40" t="s">
        <v>35</v>
      </c>
      <c r="F6" s="40" t="s">
        <v>284</v>
      </c>
      <c r="G6" s="8" t="s">
        <v>289</v>
      </c>
      <c r="H6" s="7">
        <v>0</v>
      </c>
      <c r="I6" s="7">
        <v>0</v>
      </c>
      <c r="J6" s="7">
        <v>0</v>
      </c>
      <c r="K6" s="60" t="s">
        <v>290</v>
      </c>
    </row>
    <row r="7" spans="1:14" s="23" customFormat="1" ht="39" customHeight="1">
      <c r="A7" s="59" t="s">
        <v>302</v>
      </c>
      <c r="B7" s="56">
        <v>45138</v>
      </c>
      <c r="C7" s="2" t="s">
        <v>283</v>
      </c>
      <c r="D7" s="3" t="s">
        <v>259</v>
      </c>
      <c r="E7" s="40" t="s">
        <v>35</v>
      </c>
      <c r="F7" s="40" t="s">
        <v>284</v>
      </c>
      <c r="G7" s="8" t="s">
        <v>285</v>
      </c>
      <c r="H7" s="7">
        <v>0</v>
      </c>
      <c r="I7" s="7">
        <v>0</v>
      </c>
      <c r="J7" s="7">
        <v>0</v>
      </c>
      <c r="K7" s="8" t="s">
        <v>286</v>
      </c>
    </row>
    <row r="8" spans="1:14" s="23" customFormat="1" ht="39" customHeight="1">
      <c r="A8" s="59" t="s">
        <v>301</v>
      </c>
      <c r="B8" s="58">
        <v>45135</v>
      </c>
      <c r="C8" s="39" t="s">
        <v>278</v>
      </c>
      <c r="D8" s="32" t="s">
        <v>275</v>
      </c>
      <c r="E8" s="7" t="s">
        <v>35</v>
      </c>
      <c r="F8" s="7" t="s">
        <v>26</v>
      </c>
      <c r="G8" s="57" t="s">
        <v>276</v>
      </c>
      <c r="H8" s="7">
        <v>0</v>
      </c>
      <c r="I8" s="7">
        <v>0</v>
      </c>
      <c r="J8" s="7">
        <v>0</v>
      </c>
      <c r="K8" s="57" t="s">
        <v>277</v>
      </c>
    </row>
    <row r="9" spans="1:14" s="23" customFormat="1" ht="58.8" customHeight="1">
      <c r="A9" s="59" t="s">
        <v>279</v>
      </c>
      <c r="B9" s="58">
        <v>45135</v>
      </c>
      <c r="C9" s="39" t="s">
        <v>280</v>
      </c>
      <c r="D9" s="3" t="s">
        <v>259</v>
      </c>
      <c r="E9" s="7" t="s">
        <v>35</v>
      </c>
      <c r="F9" s="17" t="s">
        <v>74</v>
      </c>
      <c r="G9" s="57" t="s">
        <v>281</v>
      </c>
      <c r="H9" s="7">
        <v>0</v>
      </c>
      <c r="I9" s="7">
        <v>0</v>
      </c>
      <c r="J9" s="7">
        <v>0</v>
      </c>
      <c r="K9" s="57" t="s">
        <v>282</v>
      </c>
    </row>
    <row r="10" spans="1:14" s="23" customFormat="1" ht="39" customHeight="1">
      <c r="A10" s="3" t="s">
        <v>268</v>
      </c>
      <c r="B10" s="56">
        <v>44877</v>
      </c>
      <c r="C10" s="2" t="s">
        <v>269</v>
      </c>
      <c r="D10" s="3" t="s">
        <v>270</v>
      </c>
      <c r="E10" s="40" t="s">
        <v>271</v>
      </c>
      <c r="F10" s="40" t="s">
        <v>272</v>
      </c>
      <c r="G10" s="6" t="s">
        <v>273</v>
      </c>
      <c r="H10" s="7">
        <v>0</v>
      </c>
      <c r="I10" s="7">
        <v>0</v>
      </c>
      <c r="J10" s="7">
        <v>0</v>
      </c>
      <c r="K10" s="6" t="s">
        <v>300</v>
      </c>
    </row>
    <row r="11" spans="1:14" s="23" customFormat="1" ht="39" customHeight="1">
      <c r="A11" s="3" t="s">
        <v>251</v>
      </c>
      <c r="B11" s="56">
        <v>44825</v>
      </c>
      <c r="C11" s="2" t="s">
        <v>263</v>
      </c>
      <c r="D11" s="3" t="s">
        <v>264</v>
      </c>
      <c r="E11" s="40" t="s">
        <v>254</v>
      </c>
      <c r="F11" s="40" t="s">
        <v>266</v>
      </c>
      <c r="G11" s="6" t="s">
        <v>265</v>
      </c>
      <c r="H11" s="7">
        <v>0</v>
      </c>
      <c r="I11" s="7">
        <v>1</v>
      </c>
      <c r="J11" s="7">
        <v>0</v>
      </c>
      <c r="K11" s="6" t="s">
        <v>267</v>
      </c>
    </row>
    <row r="12" spans="1:14" s="23" customFormat="1" ht="39" customHeight="1">
      <c r="A12" s="3" t="s">
        <v>250</v>
      </c>
      <c r="B12" s="56">
        <v>44782</v>
      </c>
      <c r="C12" s="2" t="s">
        <v>258</v>
      </c>
      <c r="D12" s="3" t="s">
        <v>259</v>
      </c>
      <c r="E12" s="40" t="s">
        <v>254</v>
      </c>
      <c r="F12" s="40" t="s">
        <v>260</v>
      </c>
      <c r="G12" s="6" t="s">
        <v>262</v>
      </c>
      <c r="H12" s="7">
        <v>0</v>
      </c>
      <c r="I12" s="7">
        <v>0</v>
      </c>
      <c r="J12" s="7">
        <v>0</v>
      </c>
      <c r="K12" s="6" t="s">
        <v>261</v>
      </c>
    </row>
    <row r="13" spans="1:14" s="23" customFormat="1" ht="72">
      <c r="A13" s="1" t="s">
        <v>249</v>
      </c>
      <c r="B13" s="56">
        <v>44655</v>
      </c>
      <c r="C13" s="2" t="s">
        <v>252</v>
      </c>
      <c r="D13" s="3" t="s">
        <v>253</v>
      </c>
      <c r="E13" s="40" t="s">
        <v>254</v>
      </c>
      <c r="F13" s="5" t="s">
        <v>255</v>
      </c>
      <c r="G13" s="6" t="s">
        <v>257</v>
      </c>
      <c r="H13" s="7">
        <v>0</v>
      </c>
      <c r="I13" s="7">
        <v>0</v>
      </c>
      <c r="J13" s="7">
        <v>0</v>
      </c>
      <c r="K13" s="6" t="s">
        <v>256</v>
      </c>
    </row>
    <row r="14" spans="1:14" s="23" customFormat="1" ht="36">
      <c r="A14" s="1" t="s">
        <v>12</v>
      </c>
      <c r="B14" s="21">
        <v>44529</v>
      </c>
      <c r="C14" s="2" t="s">
        <v>13</v>
      </c>
      <c r="D14" s="3" t="s">
        <v>14</v>
      </c>
      <c r="E14" s="4" t="s">
        <v>15</v>
      </c>
      <c r="F14" s="5" t="s">
        <v>16</v>
      </c>
      <c r="G14" s="6" t="s">
        <v>17</v>
      </c>
      <c r="H14" s="7">
        <v>0</v>
      </c>
      <c r="I14" s="7">
        <v>0</v>
      </c>
      <c r="J14" s="7">
        <v>0</v>
      </c>
      <c r="K14" s="6" t="s">
        <v>18</v>
      </c>
    </row>
    <row r="15" spans="1:14" s="23" customFormat="1" ht="36">
      <c r="A15" s="1" t="s">
        <v>19</v>
      </c>
      <c r="B15" s="21">
        <v>44405</v>
      </c>
      <c r="C15" s="2" t="s">
        <v>20</v>
      </c>
      <c r="D15" s="3" t="s">
        <v>14</v>
      </c>
      <c r="E15" s="4" t="s">
        <v>15</v>
      </c>
      <c r="F15" s="5" t="s">
        <v>16</v>
      </c>
      <c r="G15" s="6" t="s">
        <v>21</v>
      </c>
      <c r="H15" s="7">
        <v>0</v>
      </c>
      <c r="I15" s="7">
        <v>0</v>
      </c>
      <c r="J15" s="7">
        <v>0</v>
      </c>
      <c r="K15" s="6" t="s">
        <v>22</v>
      </c>
    </row>
    <row r="16" spans="1:14" s="23" customFormat="1" ht="78.599999999999994" customHeight="1">
      <c r="A16" s="3" t="s">
        <v>23</v>
      </c>
      <c r="B16" s="33">
        <v>44122</v>
      </c>
      <c r="C16" s="2" t="s">
        <v>24</v>
      </c>
      <c r="D16" s="3" t="s">
        <v>25</v>
      </c>
      <c r="E16" s="4" t="s">
        <v>15</v>
      </c>
      <c r="F16" s="4" t="s">
        <v>26</v>
      </c>
      <c r="G16" s="10" t="s">
        <v>27</v>
      </c>
      <c r="H16" s="7">
        <v>0</v>
      </c>
      <c r="I16" s="7">
        <v>0</v>
      </c>
      <c r="J16" s="7">
        <v>0</v>
      </c>
      <c r="K16" s="8" t="s">
        <v>28</v>
      </c>
    </row>
    <row r="17" spans="1:11" s="23" customFormat="1" ht="78.599999999999994" customHeight="1">
      <c r="A17" s="3" t="s">
        <v>29</v>
      </c>
      <c r="B17" s="33">
        <v>44072</v>
      </c>
      <c r="C17" s="2" t="s">
        <v>30</v>
      </c>
      <c r="D17" s="3" t="s">
        <v>14</v>
      </c>
      <c r="E17" s="4" t="s">
        <v>15</v>
      </c>
      <c r="F17" s="5" t="s">
        <v>16</v>
      </c>
      <c r="G17" s="10" t="s">
        <v>31</v>
      </c>
      <c r="H17" s="7">
        <v>0</v>
      </c>
      <c r="I17" s="7">
        <v>0</v>
      </c>
      <c r="J17" s="7">
        <v>0</v>
      </c>
      <c r="K17" s="6" t="s">
        <v>32</v>
      </c>
    </row>
    <row r="18" spans="1:11" s="23" customFormat="1" ht="26.4">
      <c r="A18" s="1" t="s">
        <v>33</v>
      </c>
      <c r="B18" s="33">
        <v>44070</v>
      </c>
      <c r="C18" s="2" t="s">
        <v>34</v>
      </c>
      <c r="D18" s="3" t="s">
        <v>14</v>
      </c>
      <c r="E18" s="4" t="s">
        <v>35</v>
      </c>
      <c r="F18" s="9" t="s">
        <v>36</v>
      </c>
      <c r="G18" s="10" t="s">
        <v>37</v>
      </c>
      <c r="H18" s="7">
        <v>0</v>
      </c>
      <c r="I18" s="7">
        <v>0</v>
      </c>
      <c r="J18" s="7">
        <v>0</v>
      </c>
      <c r="K18" s="6" t="s">
        <v>38</v>
      </c>
    </row>
    <row r="19" spans="1:11" s="23" customFormat="1" ht="78.599999999999994" customHeight="1">
      <c r="A19" s="1" t="s">
        <v>39</v>
      </c>
      <c r="B19" s="33">
        <v>44051</v>
      </c>
      <c r="C19" s="2" t="s">
        <v>40</v>
      </c>
      <c r="D19" s="3" t="s">
        <v>25</v>
      </c>
      <c r="E19" s="4" t="s">
        <v>15</v>
      </c>
      <c r="F19" s="4" t="s">
        <v>16</v>
      </c>
      <c r="G19" s="10" t="s">
        <v>41</v>
      </c>
      <c r="H19" s="7">
        <v>0</v>
      </c>
      <c r="I19" s="7">
        <v>0</v>
      </c>
      <c r="J19" s="7">
        <v>1</v>
      </c>
      <c r="K19" s="8" t="s">
        <v>42</v>
      </c>
    </row>
    <row r="20" spans="1:11" s="23" customFormat="1" ht="78.599999999999994" customHeight="1">
      <c r="A20" s="11" t="s">
        <v>43</v>
      </c>
      <c r="B20" s="34">
        <v>43692</v>
      </c>
      <c r="C20" s="35" t="s">
        <v>44</v>
      </c>
      <c r="D20" s="36" t="s">
        <v>45</v>
      </c>
      <c r="E20" s="37" t="s">
        <v>15</v>
      </c>
      <c r="F20" s="38" t="s">
        <v>16</v>
      </c>
      <c r="G20" s="37" t="s">
        <v>46</v>
      </c>
      <c r="H20" s="37">
        <v>0</v>
      </c>
      <c r="I20" s="37">
        <v>0</v>
      </c>
      <c r="J20" s="37">
        <v>1</v>
      </c>
      <c r="K20" s="37" t="s">
        <v>47</v>
      </c>
    </row>
    <row r="21" spans="1:11" s="23" customFormat="1" ht="78.599999999999994" customHeight="1">
      <c r="A21" s="12" t="s">
        <v>48</v>
      </c>
      <c r="B21" s="33">
        <v>43694</v>
      </c>
      <c r="C21" s="39">
        <v>0.83472222222222225</v>
      </c>
      <c r="D21" s="40" t="s">
        <v>49</v>
      </c>
      <c r="E21" s="4" t="s">
        <v>15</v>
      </c>
      <c r="F21" s="4" t="s">
        <v>26</v>
      </c>
      <c r="G21" s="4" t="s">
        <v>50</v>
      </c>
      <c r="H21" s="4">
        <v>0</v>
      </c>
      <c r="I21" s="4">
        <v>0</v>
      </c>
      <c r="J21" s="4">
        <v>1</v>
      </c>
      <c r="K21" s="4" t="s">
        <v>51</v>
      </c>
    </row>
    <row r="22" spans="1:11" s="23" customFormat="1" ht="78.599999999999994" customHeight="1">
      <c r="A22" s="12" t="s">
        <v>52</v>
      </c>
      <c r="B22" s="33">
        <v>43680</v>
      </c>
      <c r="C22" s="2" t="s">
        <v>53</v>
      </c>
      <c r="D22" s="40" t="s">
        <v>54</v>
      </c>
      <c r="E22" s="4" t="s">
        <v>15</v>
      </c>
      <c r="F22" s="4" t="s">
        <v>26</v>
      </c>
      <c r="G22" s="4" t="s">
        <v>55</v>
      </c>
      <c r="H22" s="4">
        <v>0</v>
      </c>
      <c r="I22" s="4">
        <v>0</v>
      </c>
      <c r="J22" s="4">
        <v>1</v>
      </c>
      <c r="K22" s="4" t="s">
        <v>56</v>
      </c>
    </row>
    <row r="23" spans="1:11" s="23" customFormat="1" ht="87" customHeight="1">
      <c r="A23" s="12" t="s">
        <v>57</v>
      </c>
      <c r="B23" s="33">
        <v>43673</v>
      </c>
      <c r="C23" s="2" t="s">
        <v>58</v>
      </c>
      <c r="D23" s="41" t="s">
        <v>59</v>
      </c>
      <c r="E23" s="4" t="s">
        <v>15</v>
      </c>
      <c r="F23" s="4" t="s">
        <v>26</v>
      </c>
      <c r="G23" s="4" t="s">
        <v>60</v>
      </c>
      <c r="H23" s="4">
        <v>0</v>
      </c>
      <c r="I23" s="4">
        <v>0</v>
      </c>
      <c r="J23" s="4">
        <v>0</v>
      </c>
      <c r="K23" s="4" t="s">
        <v>61</v>
      </c>
    </row>
    <row r="24" spans="1:11" s="23" customFormat="1" ht="78.599999999999994" customHeight="1">
      <c r="A24" s="12" t="s">
        <v>62</v>
      </c>
      <c r="B24" s="33">
        <v>43571</v>
      </c>
      <c r="C24" s="2" t="s">
        <v>63</v>
      </c>
      <c r="D24" s="41" t="s">
        <v>59</v>
      </c>
      <c r="E24" s="42" t="s">
        <v>64</v>
      </c>
      <c r="F24" s="4" t="s">
        <v>65</v>
      </c>
      <c r="G24" s="4" t="s">
        <v>66</v>
      </c>
      <c r="H24" s="4">
        <v>0</v>
      </c>
      <c r="I24" s="4">
        <v>0</v>
      </c>
      <c r="J24" s="4">
        <v>0</v>
      </c>
      <c r="K24" s="4" t="s">
        <v>67</v>
      </c>
    </row>
    <row r="25" spans="1:11" s="23" customFormat="1" ht="78.599999999999994" customHeight="1">
      <c r="A25" s="13" t="s">
        <v>68</v>
      </c>
      <c r="B25" s="43">
        <v>43480</v>
      </c>
      <c r="C25" s="44" t="s">
        <v>69</v>
      </c>
      <c r="D25" s="45" t="s">
        <v>59</v>
      </c>
      <c r="E25" s="46" t="s">
        <v>64</v>
      </c>
      <c r="F25" s="46" t="s">
        <v>65</v>
      </c>
      <c r="G25" s="47" t="s">
        <v>70</v>
      </c>
      <c r="H25" s="47">
        <v>0</v>
      </c>
      <c r="I25" s="47">
        <v>0</v>
      </c>
      <c r="J25" s="47">
        <v>0</v>
      </c>
      <c r="K25" s="47" t="s">
        <v>71</v>
      </c>
    </row>
    <row r="26" spans="1:11" s="23" customFormat="1" ht="78.599999999999994" customHeight="1">
      <c r="A26" s="14" t="s">
        <v>72</v>
      </c>
      <c r="B26" s="33">
        <v>43449</v>
      </c>
      <c r="C26" s="15" t="s">
        <v>73</v>
      </c>
      <c r="D26" s="16" t="s">
        <v>45</v>
      </c>
      <c r="E26" s="14" t="s">
        <v>35</v>
      </c>
      <c r="F26" s="17" t="s">
        <v>74</v>
      </c>
      <c r="G26" s="14" t="s">
        <v>75</v>
      </c>
      <c r="H26" s="4">
        <v>0</v>
      </c>
      <c r="I26" s="4">
        <v>0</v>
      </c>
      <c r="J26" s="4">
        <v>0</v>
      </c>
      <c r="K26" s="14" t="s">
        <v>76</v>
      </c>
    </row>
    <row r="27" spans="1:11" s="23" customFormat="1" ht="78.599999999999994" customHeight="1">
      <c r="A27" s="18" t="s">
        <v>77</v>
      </c>
      <c r="B27" s="33">
        <v>43386</v>
      </c>
      <c r="C27" s="48" t="s">
        <v>78</v>
      </c>
      <c r="D27" s="49" t="s">
        <v>59</v>
      </c>
      <c r="E27" s="50" t="s">
        <v>64</v>
      </c>
      <c r="F27" s="18"/>
      <c r="G27" s="50" t="s">
        <v>79</v>
      </c>
      <c r="H27" s="51">
        <v>0</v>
      </c>
      <c r="I27" s="51">
        <v>0</v>
      </c>
      <c r="J27" s="51">
        <v>0</v>
      </c>
      <c r="K27" s="51" t="s">
        <v>80</v>
      </c>
    </row>
    <row r="28" spans="1:11" s="23" customFormat="1" ht="39.6">
      <c r="A28" s="14" t="s">
        <v>81</v>
      </c>
      <c r="B28" s="21">
        <v>43356</v>
      </c>
      <c r="C28" s="15" t="s">
        <v>82</v>
      </c>
      <c r="D28" s="16" t="s">
        <v>83</v>
      </c>
      <c r="E28" s="14" t="s">
        <v>84</v>
      </c>
      <c r="F28" s="14" t="s">
        <v>26</v>
      </c>
      <c r="G28" s="14" t="s">
        <v>85</v>
      </c>
      <c r="H28" s="19">
        <v>0</v>
      </c>
      <c r="I28" s="19">
        <v>0</v>
      </c>
      <c r="J28" s="19">
        <v>0</v>
      </c>
      <c r="K28" s="14" t="s">
        <v>86</v>
      </c>
    </row>
    <row r="29" spans="1:11" s="23" customFormat="1" ht="66">
      <c r="A29" s="14" t="s">
        <v>87</v>
      </c>
      <c r="B29" s="21">
        <v>43342</v>
      </c>
      <c r="C29" s="15" t="s">
        <v>88</v>
      </c>
      <c r="D29" s="16" t="s">
        <v>89</v>
      </c>
      <c r="E29" s="14" t="s">
        <v>15</v>
      </c>
      <c r="F29" s="14" t="s">
        <v>90</v>
      </c>
      <c r="G29" s="14" t="s">
        <v>91</v>
      </c>
      <c r="H29" s="19">
        <v>0</v>
      </c>
      <c r="I29" s="19">
        <v>0</v>
      </c>
      <c r="J29" s="19">
        <v>0</v>
      </c>
      <c r="K29" s="14" t="s">
        <v>92</v>
      </c>
    </row>
    <row r="30" spans="1:11" s="23" customFormat="1" ht="52.8">
      <c r="A30" s="14" t="s">
        <v>93</v>
      </c>
      <c r="B30" s="21">
        <v>43330</v>
      </c>
      <c r="C30" s="20" t="s">
        <v>94</v>
      </c>
      <c r="D30" s="16" t="s">
        <v>83</v>
      </c>
      <c r="E30" s="14" t="s">
        <v>15</v>
      </c>
      <c r="F30" s="14" t="s">
        <v>95</v>
      </c>
      <c r="G30" s="14" t="s">
        <v>96</v>
      </c>
      <c r="H30" s="19">
        <v>0</v>
      </c>
      <c r="I30" s="19">
        <v>0</v>
      </c>
      <c r="J30" s="19">
        <v>0</v>
      </c>
      <c r="K30" s="14" t="s">
        <v>97</v>
      </c>
    </row>
    <row r="31" spans="1:11" s="23" customFormat="1" ht="52.8">
      <c r="A31" s="14" t="s">
        <v>98</v>
      </c>
      <c r="B31" s="21">
        <v>43327</v>
      </c>
      <c r="C31" s="15" t="s">
        <v>99</v>
      </c>
      <c r="D31" s="16" t="s">
        <v>100</v>
      </c>
      <c r="E31" s="14" t="s">
        <v>15</v>
      </c>
      <c r="F31" s="14" t="s">
        <v>101</v>
      </c>
      <c r="G31" s="14" t="s">
        <v>102</v>
      </c>
      <c r="H31" s="19">
        <v>0</v>
      </c>
      <c r="I31" s="19">
        <v>0</v>
      </c>
      <c r="J31" s="19">
        <v>0</v>
      </c>
      <c r="K31" s="14" t="s">
        <v>103</v>
      </c>
    </row>
    <row r="32" spans="1:11" s="23" customFormat="1" ht="55.2">
      <c r="A32" s="18" t="s">
        <v>104</v>
      </c>
      <c r="B32" s="33">
        <v>43302</v>
      </c>
      <c r="C32" s="48" t="s">
        <v>105</v>
      </c>
      <c r="D32" s="49" t="s">
        <v>59</v>
      </c>
      <c r="E32" s="50" t="s">
        <v>64</v>
      </c>
      <c r="F32" s="50" t="s">
        <v>65</v>
      </c>
      <c r="G32" s="51" t="s">
        <v>106</v>
      </c>
      <c r="H32" s="51">
        <v>0</v>
      </c>
      <c r="I32" s="51">
        <v>0</v>
      </c>
      <c r="J32" s="51">
        <v>0</v>
      </c>
      <c r="K32" s="51" t="s">
        <v>107</v>
      </c>
    </row>
    <row r="33" spans="1:11" s="23" customFormat="1" ht="39.6">
      <c r="A33" s="14" t="s">
        <v>108</v>
      </c>
      <c r="B33" s="33">
        <v>43241</v>
      </c>
      <c r="C33" s="15" t="s">
        <v>109</v>
      </c>
      <c r="D33" s="16" t="s">
        <v>45</v>
      </c>
      <c r="E33" s="14" t="s">
        <v>35</v>
      </c>
      <c r="F33" s="17" t="s">
        <v>74</v>
      </c>
      <c r="G33" s="14" t="s">
        <v>110</v>
      </c>
      <c r="H33" s="4">
        <v>0</v>
      </c>
      <c r="I33" s="4">
        <v>0</v>
      </c>
      <c r="J33" s="4">
        <v>0</v>
      </c>
      <c r="K33" s="14" t="s">
        <v>111</v>
      </c>
    </row>
    <row r="34" spans="1:11" s="23" customFormat="1" ht="66">
      <c r="A34" s="14" t="s">
        <v>112</v>
      </c>
      <c r="B34" s="21">
        <v>43204</v>
      </c>
      <c r="C34" s="15" t="s">
        <v>24</v>
      </c>
      <c r="D34" s="16" t="s">
        <v>113</v>
      </c>
      <c r="E34" s="14" t="s">
        <v>15</v>
      </c>
      <c r="F34" s="14" t="s">
        <v>114</v>
      </c>
      <c r="G34" s="14" t="s">
        <v>115</v>
      </c>
      <c r="H34" s="19">
        <v>0</v>
      </c>
      <c r="I34" s="19">
        <v>0</v>
      </c>
      <c r="J34" s="19">
        <v>0</v>
      </c>
      <c r="K34" s="14" t="s">
        <v>116</v>
      </c>
    </row>
    <row r="35" spans="1:11" s="23" customFormat="1" ht="39.6">
      <c r="A35" s="14" t="s">
        <v>117</v>
      </c>
      <c r="B35" s="33">
        <v>43144</v>
      </c>
      <c r="C35" s="15" t="s">
        <v>118</v>
      </c>
      <c r="D35" s="16" t="s">
        <v>119</v>
      </c>
      <c r="E35" s="14" t="s">
        <v>35</v>
      </c>
      <c r="F35" s="17" t="s">
        <v>74</v>
      </c>
      <c r="G35" s="14" t="s">
        <v>120</v>
      </c>
      <c r="H35" s="4">
        <v>0</v>
      </c>
      <c r="I35" s="4">
        <v>0</v>
      </c>
      <c r="J35" s="4">
        <v>0</v>
      </c>
      <c r="K35" s="14" t="s">
        <v>121</v>
      </c>
    </row>
    <row r="36" spans="1:11" s="23" customFormat="1" ht="66">
      <c r="A36" s="14" t="s">
        <v>122</v>
      </c>
      <c r="B36" s="21">
        <v>43028</v>
      </c>
      <c r="C36" s="15" t="s">
        <v>123</v>
      </c>
      <c r="D36" s="16" t="s">
        <v>124</v>
      </c>
      <c r="E36" s="14" t="s">
        <v>15</v>
      </c>
      <c r="F36" s="17" t="s">
        <v>125</v>
      </c>
      <c r="G36" s="14" t="s">
        <v>126</v>
      </c>
      <c r="H36" s="19">
        <v>0</v>
      </c>
      <c r="I36" s="19">
        <v>0</v>
      </c>
      <c r="J36" s="19">
        <v>0</v>
      </c>
      <c r="K36" s="14" t="s">
        <v>127</v>
      </c>
    </row>
    <row r="37" spans="1:11" s="23" customFormat="1" ht="39.6">
      <c r="A37" s="14" t="s">
        <v>128</v>
      </c>
      <c r="B37" s="21">
        <v>42843</v>
      </c>
      <c r="C37" s="15" t="s">
        <v>129</v>
      </c>
      <c r="D37" s="16" t="s">
        <v>119</v>
      </c>
      <c r="E37" s="14" t="s">
        <v>35</v>
      </c>
      <c r="F37" s="17" t="s">
        <v>74</v>
      </c>
      <c r="G37" s="14" t="s">
        <v>130</v>
      </c>
      <c r="H37" s="19">
        <v>0</v>
      </c>
      <c r="I37" s="19">
        <v>0</v>
      </c>
      <c r="J37" s="19">
        <v>0</v>
      </c>
      <c r="K37" s="14" t="s">
        <v>131</v>
      </c>
    </row>
    <row r="38" spans="1:11" s="23" customFormat="1" ht="92.4">
      <c r="A38" s="14" t="s">
        <v>132</v>
      </c>
      <c r="B38" s="21">
        <v>42608</v>
      </c>
      <c r="C38" s="15" t="s">
        <v>133</v>
      </c>
      <c r="D38" s="16" t="s">
        <v>134</v>
      </c>
      <c r="E38" s="14" t="s">
        <v>15</v>
      </c>
      <c r="F38" s="14" t="s">
        <v>114</v>
      </c>
      <c r="G38" s="14" t="s">
        <v>135</v>
      </c>
      <c r="H38" s="19">
        <v>0</v>
      </c>
      <c r="I38" s="19">
        <v>0</v>
      </c>
      <c r="J38" s="19">
        <v>2</v>
      </c>
      <c r="K38" s="14" t="s">
        <v>136</v>
      </c>
    </row>
    <row r="39" spans="1:11" s="23" customFormat="1" ht="66">
      <c r="A39" s="14" t="s">
        <v>137</v>
      </c>
      <c r="B39" s="21">
        <v>42602</v>
      </c>
      <c r="C39" s="15" t="s">
        <v>138</v>
      </c>
      <c r="D39" s="16" t="s">
        <v>139</v>
      </c>
      <c r="E39" s="14" t="s">
        <v>15</v>
      </c>
      <c r="F39" s="14" t="s">
        <v>114</v>
      </c>
      <c r="G39" s="14" t="s">
        <v>140</v>
      </c>
      <c r="H39" s="19">
        <v>0</v>
      </c>
      <c r="I39" s="19">
        <v>0</v>
      </c>
      <c r="J39" s="19">
        <v>0</v>
      </c>
      <c r="K39" s="14" t="s">
        <v>141</v>
      </c>
    </row>
    <row r="40" spans="1:11" s="23" customFormat="1" ht="66">
      <c r="A40" s="14" t="s">
        <v>142</v>
      </c>
      <c r="B40" s="21">
        <v>42595</v>
      </c>
      <c r="C40" s="15" t="s">
        <v>143</v>
      </c>
      <c r="D40" s="16" t="s">
        <v>119</v>
      </c>
      <c r="E40" s="14" t="s">
        <v>15</v>
      </c>
      <c r="F40" s="14" t="s">
        <v>114</v>
      </c>
      <c r="G40" s="14" t="s">
        <v>144</v>
      </c>
      <c r="H40" s="19">
        <v>0</v>
      </c>
      <c r="I40" s="19">
        <v>0</v>
      </c>
      <c r="J40" s="19">
        <v>0</v>
      </c>
      <c r="K40" s="14" t="s">
        <v>145</v>
      </c>
    </row>
    <row r="41" spans="1:11" s="23" customFormat="1" ht="66">
      <c r="A41" s="14" t="s">
        <v>146</v>
      </c>
      <c r="B41" s="21">
        <v>42523</v>
      </c>
      <c r="C41" s="15" t="s">
        <v>147</v>
      </c>
      <c r="D41" s="16" t="s">
        <v>148</v>
      </c>
      <c r="E41" s="14" t="s">
        <v>64</v>
      </c>
      <c r="F41" s="14" t="s">
        <v>114</v>
      </c>
      <c r="G41" s="14" t="s">
        <v>149</v>
      </c>
      <c r="H41" s="19">
        <v>0</v>
      </c>
      <c r="I41" s="19">
        <v>0</v>
      </c>
      <c r="J41" s="19">
        <v>0</v>
      </c>
      <c r="K41" s="14" t="s">
        <v>150</v>
      </c>
    </row>
    <row r="42" spans="1:11" s="23" customFormat="1" ht="66">
      <c r="A42" s="14" t="s">
        <v>151</v>
      </c>
      <c r="B42" s="21">
        <v>42329</v>
      </c>
      <c r="C42" s="15" t="s">
        <v>152</v>
      </c>
      <c r="D42" s="16" t="s">
        <v>124</v>
      </c>
      <c r="E42" s="14" t="s">
        <v>64</v>
      </c>
      <c r="F42" s="14" t="s">
        <v>153</v>
      </c>
      <c r="G42" s="14" t="s">
        <v>154</v>
      </c>
      <c r="H42" s="19">
        <v>0</v>
      </c>
      <c r="I42" s="19">
        <v>0</v>
      </c>
      <c r="J42" s="19">
        <v>0</v>
      </c>
      <c r="K42" s="14" t="s">
        <v>155</v>
      </c>
    </row>
    <row r="43" spans="1:11" s="23" customFormat="1" ht="66">
      <c r="A43" s="14" t="s">
        <v>156</v>
      </c>
      <c r="B43" s="21">
        <v>42309</v>
      </c>
      <c r="C43" s="15" t="s">
        <v>157</v>
      </c>
      <c r="D43" s="16" t="s">
        <v>119</v>
      </c>
      <c r="E43" s="14" t="s">
        <v>158</v>
      </c>
      <c r="F43" s="14" t="s">
        <v>159</v>
      </c>
      <c r="G43" s="14" t="s">
        <v>160</v>
      </c>
      <c r="H43" s="19">
        <v>0</v>
      </c>
      <c r="I43" s="19">
        <v>0</v>
      </c>
      <c r="J43" s="19">
        <v>1</v>
      </c>
      <c r="K43" s="14" t="s">
        <v>161</v>
      </c>
    </row>
    <row r="44" spans="1:11" s="23" customFormat="1" ht="39.6">
      <c r="A44" s="14" t="s">
        <v>162</v>
      </c>
      <c r="B44" s="21">
        <v>42221</v>
      </c>
      <c r="C44" s="15" t="s">
        <v>163</v>
      </c>
      <c r="D44" s="16" t="s">
        <v>49</v>
      </c>
      <c r="E44" s="14" t="s">
        <v>164</v>
      </c>
      <c r="F44" s="14" t="s">
        <v>165</v>
      </c>
      <c r="G44" s="14" t="s">
        <v>166</v>
      </c>
      <c r="H44" s="19">
        <v>0</v>
      </c>
      <c r="I44" s="19">
        <v>0</v>
      </c>
      <c r="J44" s="19">
        <v>0</v>
      </c>
      <c r="K44" s="14" t="s">
        <v>167</v>
      </c>
    </row>
    <row r="45" spans="1:11" s="23" customFormat="1" ht="66">
      <c r="A45" s="14" t="s">
        <v>168</v>
      </c>
      <c r="B45" s="21">
        <v>42220</v>
      </c>
      <c r="C45" s="15" t="s">
        <v>169</v>
      </c>
      <c r="D45" s="16" t="s">
        <v>45</v>
      </c>
      <c r="E45" s="14" t="s">
        <v>15</v>
      </c>
      <c r="F45" s="14" t="s">
        <v>170</v>
      </c>
      <c r="G45" s="14" t="s">
        <v>171</v>
      </c>
      <c r="H45" s="19">
        <v>0</v>
      </c>
      <c r="I45" s="19">
        <v>0</v>
      </c>
      <c r="J45" s="19">
        <v>1</v>
      </c>
      <c r="K45" s="14" t="s">
        <v>172</v>
      </c>
    </row>
    <row r="46" spans="1:11" s="23" customFormat="1" ht="66">
      <c r="A46" s="14" t="s">
        <v>173</v>
      </c>
      <c r="B46" s="22">
        <v>41964</v>
      </c>
      <c r="C46" s="15" t="s">
        <v>174</v>
      </c>
      <c r="D46" s="16" t="s">
        <v>175</v>
      </c>
      <c r="E46" s="14" t="s">
        <v>15</v>
      </c>
      <c r="F46" s="14" t="s">
        <v>153</v>
      </c>
      <c r="G46" s="14" t="s">
        <v>176</v>
      </c>
      <c r="H46" s="19">
        <v>0</v>
      </c>
      <c r="I46" s="19">
        <v>0</v>
      </c>
      <c r="J46" s="19">
        <v>0</v>
      </c>
      <c r="K46" s="14" t="s">
        <v>177</v>
      </c>
    </row>
    <row r="47" spans="1:11" s="23" customFormat="1" ht="40.5" customHeight="1">
      <c r="A47" s="14" t="s">
        <v>178</v>
      </c>
      <c r="B47" s="22">
        <v>41941</v>
      </c>
      <c r="C47" s="15" t="s">
        <v>179</v>
      </c>
      <c r="D47" s="16" t="s">
        <v>175</v>
      </c>
      <c r="E47" s="14" t="s">
        <v>15</v>
      </c>
      <c r="F47" s="14" t="s">
        <v>153</v>
      </c>
      <c r="G47" s="14" t="s">
        <v>180</v>
      </c>
      <c r="H47" s="19">
        <v>0</v>
      </c>
      <c r="I47" s="19">
        <v>0</v>
      </c>
      <c r="J47" s="19">
        <v>0</v>
      </c>
      <c r="K47" s="14" t="s">
        <v>181</v>
      </c>
    </row>
    <row r="48" spans="1:11" s="23" customFormat="1" ht="79.2">
      <c r="A48" s="14" t="s">
        <v>182</v>
      </c>
      <c r="B48" s="22">
        <v>41846</v>
      </c>
      <c r="C48" s="15" t="s">
        <v>183</v>
      </c>
      <c r="D48" s="16" t="s">
        <v>139</v>
      </c>
      <c r="E48" s="14" t="s">
        <v>15</v>
      </c>
      <c r="F48" s="14" t="s">
        <v>170</v>
      </c>
      <c r="G48" s="14" t="s">
        <v>184</v>
      </c>
      <c r="H48" s="19">
        <v>0</v>
      </c>
      <c r="I48" s="19">
        <v>0</v>
      </c>
      <c r="J48" s="19">
        <v>0</v>
      </c>
      <c r="K48" s="14" t="s">
        <v>185</v>
      </c>
    </row>
    <row r="49" spans="1:11" s="23" customFormat="1" ht="66">
      <c r="A49" s="14" t="s">
        <v>186</v>
      </c>
      <c r="B49" s="22">
        <v>41741</v>
      </c>
      <c r="C49" s="15" t="s">
        <v>187</v>
      </c>
      <c r="D49" s="16" t="s">
        <v>113</v>
      </c>
      <c r="E49" s="14" t="s">
        <v>15</v>
      </c>
      <c r="F49" s="14" t="s">
        <v>170</v>
      </c>
      <c r="G49" s="14" t="s">
        <v>188</v>
      </c>
      <c r="H49" s="19">
        <v>0</v>
      </c>
      <c r="I49" s="19">
        <v>0</v>
      </c>
      <c r="J49" s="19">
        <v>0</v>
      </c>
      <c r="K49" s="14" t="s">
        <v>189</v>
      </c>
    </row>
    <row r="50" spans="1:11" s="23" customFormat="1" ht="105.6">
      <c r="A50" s="14" t="s">
        <v>190</v>
      </c>
      <c r="B50" s="52">
        <v>41503</v>
      </c>
      <c r="C50" s="53" t="s">
        <v>191</v>
      </c>
      <c r="D50" s="14" t="s">
        <v>139</v>
      </c>
      <c r="E50" s="14" t="s">
        <v>15</v>
      </c>
      <c r="F50" s="14" t="s">
        <v>192</v>
      </c>
      <c r="G50" s="14" t="s">
        <v>193</v>
      </c>
      <c r="H50" s="7">
        <v>0</v>
      </c>
      <c r="I50" s="7">
        <v>0</v>
      </c>
      <c r="J50" s="7">
        <v>0</v>
      </c>
      <c r="K50" s="14" t="s">
        <v>194</v>
      </c>
    </row>
    <row r="51" spans="1:11" s="23" customFormat="1" ht="39.6">
      <c r="A51" s="24" t="s">
        <v>195</v>
      </c>
      <c r="B51" s="25">
        <v>40416</v>
      </c>
      <c r="C51" s="24" t="s">
        <v>196</v>
      </c>
      <c r="D51" s="24" t="s">
        <v>197</v>
      </c>
      <c r="E51" s="24" t="s">
        <v>198</v>
      </c>
      <c r="F51" s="24" t="s">
        <v>199</v>
      </c>
      <c r="G51" s="24" t="s">
        <v>200</v>
      </c>
      <c r="H51" s="24">
        <v>0</v>
      </c>
      <c r="I51" s="24">
        <v>0</v>
      </c>
      <c r="J51" s="24">
        <v>6</v>
      </c>
      <c r="K51" s="24" t="s">
        <v>201</v>
      </c>
    </row>
    <row r="52" spans="1:11" s="23" customFormat="1" ht="68.25" customHeight="1">
      <c r="A52" s="24" t="s">
        <v>202</v>
      </c>
      <c r="B52" s="25">
        <v>39439</v>
      </c>
      <c r="C52" s="24" t="s">
        <v>203</v>
      </c>
      <c r="D52" s="24" t="s">
        <v>204</v>
      </c>
      <c r="E52" s="24" t="s">
        <v>198</v>
      </c>
      <c r="F52" s="24" t="s">
        <v>205</v>
      </c>
      <c r="G52" s="24" t="s">
        <v>206</v>
      </c>
      <c r="H52" s="24">
        <v>0</v>
      </c>
      <c r="I52" s="24">
        <v>0</v>
      </c>
      <c r="J52" s="24">
        <v>1</v>
      </c>
      <c r="K52" s="24" t="s">
        <v>207</v>
      </c>
    </row>
    <row r="53" spans="1:11" s="23" customFormat="1" ht="40.5" customHeight="1">
      <c r="A53" s="24" t="s">
        <v>208</v>
      </c>
      <c r="B53" s="25">
        <v>38172</v>
      </c>
      <c r="C53" s="24" t="s">
        <v>209</v>
      </c>
      <c r="D53" s="24" t="s">
        <v>210</v>
      </c>
      <c r="E53" s="24" t="s">
        <v>198</v>
      </c>
      <c r="F53" s="24" t="s">
        <v>211</v>
      </c>
      <c r="G53" s="24" t="s">
        <v>212</v>
      </c>
      <c r="H53" s="24">
        <v>0</v>
      </c>
      <c r="I53" s="24">
        <v>1</v>
      </c>
      <c r="J53" s="24">
        <v>1</v>
      </c>
      <c r="K53" s="24" t="s">
        <v>213</v>
      </c>
    </row>
    <row r="54" spans="1:11" s="23" customFormat="1" ht="40.5" customHeight="1">
      <c r="A54" s="24" t="s">
        <v>214</v>
      </c>
      <c r="B54" s="25">
        <v>35991</v>
      </c>
      <c r="C54" s="54"/>
      <c r="D54" s="24" t="s">
        <v>215</v>
      </c>
      <c r="E54" s="24" t="s">
        <v>216</v>
      </c>
      <c r="F54" s="24" t="s">
        <v>211</v>
      </c>
      <c r="G54" s="24" t="s">
        <v>217</v>
      </c>
      <c r="H54" s="24">
        <v>0</v>
      </c>
      <c r="I54" s="24">
        <v>0</v>
      </c>
      <c r="J54" s="24">
        <v>0</v>
      </c>
      <c r="K54" s="24"/>
    </row>
    <row r="55" spans="1:11" s="23" customFormat="1" ht="40.5" customHeight="1">
      <c r="A55" s="24" t="s">
        <v>218</v>
      </c>
      <c r="B55" s="25">
        <v>35628</v>
      </c>
      <c r="C55" s="54"/>
      <c r="D55" s="24" t="s">
        <v>219</v>
      </c>
      <c r="E55" s="24" t="s">
        <v>198</v>
      </c>
      <c r="F55" s="24" t="s">
        <v>211</v>
      </c>
      <c r="G55" s="24" t="s">
        <v>220</v>
      </c>
      <c r="H55" s="24">
        <v>0</v>
      </c>
      <c r="I55" s="24">
        <v>0</v>
      </c>
      <c r="J55" s="24">
        <v>1</v>
      </c>
      <c r="K55" s="24"/>
    </row>
    <row r="56" spans="1:11" s="23" customFormat="1" ht="40.5" customHeight="1">
      <c r="A56" s="24" t="s">
        <v>221</v>
      </c>
      <c r="B56" s="25">
        <v>34872</v>
      </c>
      <c r="C56" s="54"/>
      <c r="D56" s="24" t="s">
        <v>204</v>
      </c>
      <c r="E56" s="24" t="s">
        <v>222</v>
      </c>
      <c r="F56" s="24"/>
      <c r="G56" s="24" t="s">
        <v>223</v>
      </c>
      <c r="H56" s="24">
        <v>0</v>
      </c>
      <c r="I56" s="24">
        <v>0</v>
      </c>
      <c r="J56" s="24">
        <v>5</v>
      </c>
      <c r="K56" s="24"/>
    </row>
    <row r="57" spans="1:11" s="23" customFormat="1" ht="40.5" customHeight="1">
      <c r="A57" s="24" t="s">
        <v>224</v>
      </c>
      <c r="B57" s="25">
        <v>34348</v>
      </c>
      <c r="C57" s="54"/>
      <c r="D57" s="24" t="s">
        <v>225</v>
      </c>
      <c r="E57" s="24" t="s">
        <v>222</v>
      </c>
      <c r="F57" s="24"/>
      <c r="G57" s="24" t="s">
        <v>226</v>
      </c>
      <c r="H57" s="24">
        <v>0</v>
      </c>
      <c r="I57" s="24">
        <v>0</v>
      </c>
      <c r="J57" s="24">
        <v>0</v>
      </c>
      <c r="K57" s="24"/>
    </row>
    <row r="58" spans="1:11" s="23" customFormat="1" ht="39.6">
      <c r="A58" s="24" t="s">
        <v>227</v>
      </c>
      <c r="B58" s="25">
        <v>34182</v>
      </c>
      <c r="C58" s="54"/>
      <c r="D58" s="24" t="s">
        <v>210</v>
      </c>
      <c r="E58" s="24" t="s">
        <v>198</v>
      </c>
      <c r="F58" s="24" t="s">
        <v>199</v>
      </c>
      <c r="G58" s="24" t="s">
        <v>228</v>
      </c>
      <c r="H58" s="24">
        <v>0</v>
      </c>
      <c r="I58" s="24">
        <v>0</v>
      </c>
      <c r="J58" s="24">
        <v>1</v>
      </c>
      <c r="K58" s="24"/>
    </row>
    <row r="59" spans="1:11" s="23" customFormat="1" ht="40.5" customHeight="1">
      <c r="A59" s="24" t="s">
        <v>229</v>
      </c>
      <c r="B59" s="25">
        <v>33941</v>
      </c>
      <c r="C59" s="54"/>
      <c r="D59" s="24" t="s">
        <v>230</v>
      </c>
      <c r="E59" s="24" t="s">
        <v>222</v>
      </c>
      <c r="F59" s="24"/>
      <c r="G59" s="24" t="s">
        <v>231</v>
      </c>
      <c r="H59" s="24">
        <v>0</v>
      </c>
      <c r="I59" s="24">
        <v>0</v>
      </c>
      <c r="J59" s="24">
        <v>1</v>
      </c>
      <c r="K59" s="24"/>
    </row>
    <row r="60" spans="1:11" s="23" customFormat="1" ht="39.6">
      <c r="A60" s="24" t="s">
        <v>232</v>
      </c>
      <c r="B60" s="25">
        <v>33810</v>
      </c>
      <c r="C60" s="54"/>
      <c r="D60" s="24" t="s">
        <v>210</v>
      </c>
      <c r="E60" s="24" t="s">
        <v>198</v>
      </c>
      <c r="F60" s="24" t="s">
        <v>199</v>
      </c>
      <c r="G60" s="24" t="s">
        <v>233</v>
      </c>
      <c r="H60" s="24">
        <v>0</v>
      </c>
      <c r="I60" s="24">
        <v>1</v>
      </c>
      <c r="J60" s="24">
        <v>1</v>
      </c>
      <c r="K60" s="24"/>
    </row>
    <row r="61" spans="1:11" s="23" customFormat="1" ht="54" customHeight="1">
      <c r="A61" s="24" t="s">
        <v>234</v>
      </c>
      <c r="B61" s="25">
        <v>33811</v>
      </c>
      <c r="C61" s="54"/>
      <c r="D61" s="24" t="s">
        <v>235</v>
      </c>
      <c r="E61" s="24" t="s">
        <v>198</v>
      </c>
      <c r="F61" s="24" t="s">
        <v>199</v>
      </c>
      <c r="G61" s="24" t="s">
        <v>236</v>
      </c>
      <c r="H61" s="24">
        <v>0</v>
      </c>
      <c r="I61" s="24">
        <v>0</v>
      </c>
      <c r="J61" s="24">
        <v>3</v>
      </c>
      <c r="K61" s="24"/>
    </row>
    <row r="62" spans="1:11" s="23" customFormat="1" ht="40.5" customHeight="1">
      <c r="A62" s="24" t="s">
        <v>237</v>
      </c>
      <c r="B62" s="25">
        <v>33732</v>
      </c>
      <c r="C62" s="54"/>
      <c r="D62" s="24" t="s">
        <v>238</v>
      </c>
      <c r="E62" s="24" t="s">
        <v>198</v>
      </c>
      <c r="F62" s="24" t="s">
        <v>211</v>
      </c>
      <c r="G62" s="24" t="s">
        <v>239</v>
      </c>
      <c r="H62" s="24">
        <v>0</v>
      </c>
      <c r="I62" s="24">
        <v>1</v>
      </c>
      <c r="J62" s="24">
        <v>0</v>
      </c>
      <c r="K62" s="24"/>
    </row>
    <row r="63" spans="1:11" ht="39.6">
      <c r="A63" s="24" t="s">
        <v>240</v>
      </c>
      <c r="B63" s="25">
        <v>33013</v>
      </c>
      <c r="C63" s="54"/>
      <c r="D63" s="24" t="s">
        <v>230</v>
      </c>
      <c r="E63" s="24" t="s">
        <v>198</v>
      </c>
      <c r="F63" s="24" t="s">
        <v>199</v>
      </c>
      <c r="G63" s="24" t="s">
        <v>241</v>
      </c>
      <c r="H63" s="24">
        <v>0</v>
      </c>
      <c r="I63" s="24">
        <v>0</v>
      </c>
      <c r="J63" s="24">
        <v>1</v>
      </c>
      <c r="K63" s="24"/>
    </row>
    <row r="64" spans="1:11" ht="52.8">
      <c r="A64" s="24" t="s">
        <v>242</v>
      </c>
      <c r="B64" s="25">
        <v>32734</v>
      </c>
      <c r="C64" s="54"/>
      <c r="D64" s="24" t="s">
        <v>210</v>
      </c>
      <c r="E64" s="24" t="s">
        <v>198</v>
      </c>
      <c r="F64" s="24" t="s">
        <v>211</v>
      </c>
      <c r="G64" s="24" t="s">
        <v>243</v>
      </c>
      <c r="H64" s="24">
        <v>0</v>
      </c>
      <c r="I64" s="24">
        <v>0</v>
      </c>
      <c r="J64" s="24">
        <v>1</v>
      </c>
      <c r="K64" s="24"/>
    </row>
    <row r="65" spans="1:11" ht="52.8">
      <c r="A65" s="24" t="s">
        <v>244</v>
      </c>
      <c r="B65" s="25">
        <v>32722</v>
      </c>
      <c r="C65" s="54"/>
      <c r="D65" s="24" t="s">
        <v>210</v>
      </c>
      <c r="E65" s="24" t="s">
        <v>198</v>
      </c>
      <c r="F65" s="24" t="s">
        <v>199</v>
      </c>
      <c r="G65" s="24" t="s">
        <v>245</v>
      </c>
      <c r="H65" s="24">
        <v>2</v>
      </c>
      <c r="I65" s="24">
        <v>3</v>
      </c>
      <c r="J65" s="24">
        <v>4</v>
      </c>
      <c r="K65" s="24"/>
    </row>
    <row r="66" spans="1:11" ht="26.4">
      <c r="A66" s="54" t="s">
        <v>246</v>
      </c>
      <c r="B66" s="25">
        <v>32352</v>
      </c>
      <c r="C66" s="54"/>
      <c r="D66" s="24" t="s">
        <v>247</v>
      </c>
      <c r="E66" s="24" t="s">
        <v>222</v>
      </c>
      <c r="F66" s="24"/>
      <c r="G66" s="24" t="s">
        <v>248</v>
      </c>
      <c r="H66" s="24">
        <v>0</v>
      </c>
      <c r="I66" s="24">
        <v>0</v>
      </c>
      <c r="J66" s="24">
        <v>1</v>
      </c>
      <c r="K66" s="24"/>
    </row>
  </sheetData>
  <sheetProtection autoFilter="0"/>
  <autoFilter ref="A2:K66"/>
  <phoneticPr fontId="2"/>
  <pageMargins left="0.59055118110236227" right="0.59055118110236227" top="0.86614173228346458" bottom="0.59055118110236227" header="0.31496062992125984" footer="0.31496062992125984"/>
  <pageSetup paperSize="8" fitToHeight="0" orientation="landscape" r:id="rId1"/>
  <headerFooter alignWithMargins="0">
    <oddHeader xml:space="preserve">&amp;C
</oddHeader>
    <oddFooter>&amp;C&amp;P/&amp;N</oddFooter>
  </headerFooter>
  <rowBreaks count="1" manualBreakCount="1">
    <brk id="53" max="10"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火DB</vt:lpstr>
      <vt:lpstr>火DB!Print_Area</vt:lpstr>
      <vt:lpstr>火DB!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2-01-26T04:12:08Z</dcterms:created>
  <dcterms:modified xsi:type="dcterms:W3CDTF">2024-02-28T05:23:10Z</dcterms:modified>
</cp:coreProperties>
</file>